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15\004_企画グループ\●2019_R1\24_外国人数\05_確定・施行資料\01_国際課ホームページ\"/>
    </mc:Choice>
  </mc:AlternateContent>
  <bookViews>
    <workbookView xWindow="0" yWindow="0" windowWidth="19200" windowHeight="7310"/>
  </bookViews>
  <sheets>
    <sheet name="2020年１月１日top13 " sheetId="2" r:id="rId1"/>
    <sheet name="国籍・地域別集計" sheetId="1" r:id="rId2"/>
  </sheets>
  <externalReferences>
    <externalReference r:id="rId3"/>
    <externalReference r:id="rId4"/>
    <externalReference r:id="rId5"/>
  </externalReferences>
  <definedNames>
    <definedName name="FI" localSheetId="0">#REF!</definedName>
    <definedName name="FI" localSheetId="1">#REF!</definedName>
    <definedName name="FI">#REF!</definedName>
    <definedName name="_xlnm.Print_Area" localSheetId="0">'2020年１月１日top13 '!$A$1:$P$67</definedName>
    <definedName name="検索条件３" localSheetId="0">[1]ＤＢシート２!#REF!</definedName>
    <definedName name="検索条件３" localSheetId="1">[1]ＤＢシート２!#REF!</definedName>
    <definedName name="検索条件３">[1]ＤＢシート２!#REF!</definedName>
    <definedName name="五十嵐" localSheetId="0">'[2]国名ＤＢ シート'!#REF!</definedName>
    <definedName name="五十嵐" localSheetId="1">'[2]国名ＤＢ シート'!#REF!</definedName>
    <definedName name="五十嵐">'[2]国名ＤＢ シート'!#REF!</definedName>
    <definedName name="事務あら件数" localSheetId="0">[3]ＤＢシート!#REF!</definedName>
    <definedName name="事務あら件数" localSheetId="1">[3]ＤＢシート!#REF!</definedName>
    <definedName name="事務あら件数">[3]ＤＢシート!#REF!</definedName>
    <definedName name="条件データ３" localSheetId="0">[1]ＤＢシート２!#REF!</definedName>
    <definedName name="条件データ３" localSheetId="1">[1]ＤＢシート２!#REF!</definedName>
    <definedName name="条件データ３">[1]ＤＢシート２!#REF!</definedName>
    <definedName name="新規入力" localSheetId="0">[1]!新規入力</definedName>
    <definedName name="新規入力" localSheetId="1">[1]!新規入力</definedName>
    <definedName name="新規入力">[1]!新規入力</definedName>
    <definedName name="分割件数" localSheetId="0">[1]ＤＢシート２!#REF!</definedName>
    <definedName name="分割件数" localSheetId="1">[1]ＤＢシート２!#REF!</definedName>
    <definedName name="分割件数">[1]ＤＢシート２!#REF!</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7" uniqueCount="274">
  <si>
    <t>※本表は県内市区町村の住民基本台帳に登録されている外国人の数の集計値です。</t>
    <phoneticPr fontId="2"/>
  </si>
  <si>
    <t>神奈川県国際文化観光局国際課調べ</t>
    <rPh sb="4" eb="6">
      <t>コクサイ</t>
    </rPh>
    <rPh sb="6" eb="8">
      <t>ブンカ</t>
    </rPh>
    <rPh sb="8" eb="10">
      <t>カンコウ</t>
    </rPh>
    <rPh sb="10" eb="11">
      <t>キョク</t>
    </rPh>
    <phoneticPr fontId="5"/>
  </si>
  <si>
    <t>※「無国籍、その他」には出生による経過滞在者も含まれています。</t>
    <phoneticPr fontId="2"/>
  </si>
  <si>
    <t>市(区)町村別主要国・地域別外国人数（２０２０（令和２年）年１月１日現在）</t>
    <rPh sb="0" eb="1">
      <t>シ</t>
    </rPh>
    <rPh sb="2" eb="3">
      <t>ク</t>
    </rPh>
    <rPh sb="4" eb="6">
      <t>チョウソン</t>
    </rPh>
    <rPh sb="6" eb="7">
      <t>ベツ</t>
    </rPh>
    <rPh sb="7" eb="9">
      <t>シュヨウ</t>
    </rPh>
    <rPh sb="9" eb="10">
      <t>コク</t>
    </rPh>
    <rPh sb="11" eb="13">
      <t>チイキ</t>
    </rPh>
    <rPh sb="13" eb="14">
      <t>ベツ</t>
    </rPh>
    <rPh sb="14" eb="16">
      <t>ガイコク</t>
    </rPh>
    <rPh sb="16" eb="17">
      <t>ジン</t>
    </rPh>
    <rPh sb="17" eb="18">
      <t>スウ</t>
    </rPh>
    <rPh sb="24" eb="26">
      <t>レイワ</t>
    </rPh>
    <rPh sb="27" eb="28">
      <t>ネン</t>
    </rPh>
    <rPh sb="29" eb="30">
      <t>ネン</t>
    </rPh>
    <rPh sb="31" eb="32">
      <t>ガツ</t>
    </rPh>
    <rPh sb="33" eb="34">
      <t>ニチ</t>
    </rPh>
    <rPh sb="34" eb="36">
      <t>ゲンザイ</t>
    </rPh>
    <phoneticPr fontId="2"/>
  </si>
  <si>
    <t>県合計</t>
  </si>
  <si>
    <t>横浜市</t>
  </si>
  <si>
    <t xml:space="preserve"> 鶴見区</t>
  </si>
  <si>
    <t xml:space="preserve"> 神奈川区</t>
  </si>
  <si>
    <t xml:space="preserve"> 西区</t>
  </si>
  <si>
    <t xml:space="preserve"> 中区</t>
  </si>
  <si>
    <t xml:space="preserve"> 南区</t>
  </si>
  <si>
    <t xml:space="preserve"> 港南区</t>
  </si>
  <si>
    <t xml:space="preserve"> 保土ヶ谷区</t>
  </si>
  <si>
    <t xml:space="preserve"> 旭区</t>
  </si>
  <si>
    <t xml:space="preserve"> 磯子区</t>
  </si>
  <si>
    <t xml:space="preserve"> 金沢区</t>
  </si>
  <si>
    <t xml:space="preserve"> 港北区</t>
  </si>
  <si>
    <t xml:space="preserve"> 緑区</t>
  </si>
  <si>
    <t xml:space="preserve"> 青葉区</t>
  </si>
  <si>
    <t xml:space="preserve"> 都筑区</t>
  </si>
  <si>
    <t xml:space="preserve"> 戸塚区</t>
  </si>
  <si>
    <t xml:space="preserve"> 栄区</t>
  </si>
  <si>
    <t xml:space="preserve"> 泉区</t>
  </si>
  <si>
    <t xml:space="preserve"> 瀬谷区</t>
  </si>
  <si>
    <t>川崎市</t>
  </si>
  <si>
    <t xml:space="preserve"> 川崎区</t>
    <rPh sb="1" eb="3">
      <t>カワサキ</t>
    </rPh>
    <phoneticPr fontId="5"/>
  </si>
  <si>
    <t xml:space="preserve"> 幸区</t>
  </si>
  <si>
    <t xml:space="preserve"> 中原区</t>
  </si>
  <si>
    <t xml:space="preserve"> 高津区</t>
  </si>
  <si>
    <t xml:space="preserve"> 宮前区</t>
  </si>
  <si>
    <t xml:space="preserve"> 多摩区</t>
  </si>
  <si>
    <t xml:space="preserve"> 麻生区</t>
  </si>
  <si>
    <t>相模原市</t>
    <rPh sb="0" eb="4">
      <t>サガミハラシ</t>
    </rPh>
    <phoneticPr fontId="5"/>
  </si>
  <si>
    <t xml:space="preserve"> 緑区</t>
    <rPh sb="1" eb="3">
      <t>ミドリク</t>
    </rPh>
    <phoneticPr fontId="5"/>
  </si>
  <si>
    <t xml:space="preserve"> 中央区</t>
    <rPh sb="1" eb="4">
      <t>チュウオウク</t>
    </rPh>
    <phoneticPr fontId="5"/>
  </si>
  <si>
    <t xml:space="preserve"> 南区</t>
    <rPh sb="1" eb="3">
      <t>ミナミク</t>
    </rPh>
    <phoneticPr fontId="5"/>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神奈川県国際文化観光局国際課調べ</t>
    <rPh sb="4" eb="6">
      <t>コクサイ</t>
    </rPh>
    <rPh sb="6" eb="8">
      <t>ブンカ</t>
    </rPh>
    <rPh sb="8" eb="11">
      <t>カンコウキョク</t>
    </rPh>
    <phoneticPr fontId="2"/>
  </si>
  <si>
    <t>※本表は、県内市区町村の住民基本台帳に登録されているの外国人の数の集計値です。</t>
    <phoneticPr fontId="2"/>
  </si>
  <si>
    <t>国・地域数173</t>
    <rPh sb="0" eb="1">
      <t>クニ</t>
    </rPh>
    <rPh sb="2" eb="4">
      <t>チイキ</t>
    </rPh>
    <rPh sb="4" eb="5">
      <t>カズ</t>
    </rPh>
    <phoneticPr fontId="2"/>
  </si>
  <si>
    <t>全合計</t>
    <rPh sb="0" eb="1">
      <t>ゼン</t>
    </rPh>
    <rPh sb="1" eb="3">
      <t>ゴウケイ</t>
    </rPh>
    <phoneticPr fontId="7"/>
  </si>
  <si>
    <t>韓国</t>
    <rPh sb="0" eb="2">
      <t>カンコク</t>
    </rPh>
    <phoneticPr fontId="7"/>
  </si>
  <si>
    <t>朝鮮</t>
    <rPh sb="0" eb="2">
      <t>チョウセン</t>
    </rPh>
    <phoneticPr fontId="7"/>
  </si>
  <si>
    <t>ﾊﾟﾚｽﾁﾅ</t>
  </si>
  <si>
    <t>ｳｸﾗｲﾅ</t>
  </si>
  <si>
    <t>ﾓｰﾘﾀﾆｱ</t>
  </si>
  <si>
    <t>アジア</t>
  </si>
  <si>
    <t>ヨーロッパ</t>
  </si>
  <si>
    <t>ｳｽﾞﾍﾞｷｽﾀﾝ</t>
  </si>
  <si>
    <t>ﾓﾛｯｺ</t>
  </si>
  <si>
    <t>ｱﾌｶﾞﾆｽﾀﾝ</t>
  </si>
  <si>
    <t>ｱﾙﾊﾞﾆｱ</t>
  </si>
  <si>
    <t>ｱﾙﾒﾆｱ</t>
  </si>
  <si>
    <t>ﾏﾗｳｲ</t>
  </si>
  <si>
    <t>ｱﾗﾌﾞ首長国連邦</t>
  </si>
  <si>
    <t>ｵｰｽﾄﾘｱ</t>
  </si>
  <si>
    <t>ｱｾﾞﾙﾊﾞｲｼﾞｬﾝ</t>
  </si>
  <si>
    <t>ﾓｰﾘｼｬｽ</t>
  </si>
  <si>
    <t>ﾐｬﾝﾏｰ</t>
  </si>
  <si>
    <t>ﾍﾞﾙｷﾞｰ</t>
  </si>
  <si>
    <t>ｱﾝﾄﾞﾗ</t>
  </si>
  <si>
    <t>ﾓｻﾞﾝﾋﾞｰｸ</t>
  </si>
  <si>
    <t>ﾊﾞ-ﾚ-ﾝ</t>
  </si>
  <si>
    <t>ﾌﾞﾙｶﾞﾘｱ</t>
  </si>
  <si>
    <t>ｼﾞｮｰｼﾞｱ(ｸﾞﾙｼﾞｱ)</t>
  </si>
  <si>
    <t>ﾆｼﾞｪｰﾙ</t>
  </si>
  <si>
    <t>ﾌﾞｰﾀﾝ</t>
  </si>
  <si>
    <t>ﾍﾞﾗﾙｰｼ</t>
  </si>
  <si>
    <t>ｽﾛﾍﾞﾆｱ</t>
  </si>
  <si>
    <t>ﾅｲｼﾞｪﾘｱ</t>
  </si>
  <si>
    <t>ﾊﾞﾝｸﾞﾗﾃﾞｼｭ</t>
  </si>
  <si>
    <t>ｸﾛｱﾁｱ</t>
  </si>
  <si>
    <t>ｽﾛﾊﾞｷｱ</t>
  </si>
  <si>
    <t>ﾅﾐﾋﾞｱ</t>
  </si>
  <si>
    <t>ﾌﾞﾙﾈｲ</t>
  </si>
  <si>
    <t>ﾁｪｺ</t>
  </si>
  <si>
    <t>ﾎﾞｽﾆｱ･ﾍﾙﾂｪｺﾞﾋﾞﾅ</t>
  </si>
  <si>
    <t>ﾙﾜﾝﾀﾞ</t>
  </si>
  <si>
    <t>ｶﾝﾎﾞｼﾞｱ</t>
  </si>
  <si>
    <t>ﾃﾞﾝﾏｰｸ</t>
  </si>
  <si>
    <t>ｾﾙﾋﾞｱ･ﾓﾝﾃﾈｸﾞﾛ</t>
  </si>
  <si>
    <t>ｾﾈｶﾞﾙ</t>
  </si>
  <si>
    <t>ｽﾘﾗﾝｶ</t>
  </si>
  <si>
    <t>ｴｽﾄﾆｱ</t>
  </si>
  <si>
    <t>ﾓﾝﾃﾈｸﾞﾛ</t>
  </si>
  <si>
    <t>ｼｴﾗﾚｵﾈ</t>
  </si>
  <si>
    <t>中国</t>
  </si>
  <si>
    <t>ﾌｨﾝﾗﾝﾄﾞ</t>
  </si>
  <si>
    <t>ｾﾙﾋﾞｱ</t>
  </si>
  <si>
    <t>ｿﾏﾘｱ</t>
  </si>
  <si>
    <t>台湾</t>
  </si>
  <si>
    <t>ﾌﾗﾝｽ</t>
  </si>
  <si>
    <t>ｺｿﾎﾞ共和国</t>
  </si>
  <si>
    <t>ｽｰﾀﾞﾝ</t>
  </si>
  <si>
    <t>ｷﾌﾟﾛｽ</t>
  </si>
  <si>
    <t>ﾄﾞｲﾂ</t>
  </si>
  <si>
    <t>アフリカ</t>
  </si>
  <si>
    <t>ｴｽﾜﾃｨﾆ</t>
  </si>
  <si>
    <t>東ﾃｨﾓｰﾙ</t>
  </si>
  <si>
    <t>ｷﾞﾘｼｬ</t>
  </si>
  <si>
    <t>ｱﾙｼﾞｪﾘｱ</t>
  </si>
  <si>
    <t>ｻﾝﾄﾒ･ﾌﾟﾘﾝｼﾍﾟ</t>
  </si>
  <si>
    <t>ｲﾝﾄﾞ</t>
  </si>
  <si>
    <t>ﾊﾝｶﾞﾘｰ</t>
  </si>
  <si>
    <t>ﾌﾞﾙﾝｼﾞ</t>
  </si>
  <si>
    <t>ｾｰｼｪﾙ</t>
  </si>
  <si>
    <t>ｲﾝﾄﾞﾈｼｱ</t>
  </si>
  <si>
    <t>ｱｲｽﾗﾝﾄﾞ</t>
  </si>
  <si>
    <t>ﾎﾞﾂﾜﾅ</t>
  </si>
  <si>
    <t>ﾀﾝｻﾞﾆｱ</t>
  </si>
  <si>
    <t>ｲﾗﾝ</t>
  </si>
  <si>
    <t>ｱｲﾙﾗﾝﾄﾞ</t>
  </si>
  <si>
    <t>ｶﾒﾙｰﾝ</t>
  </si>
  <si>
    <t>ﾄｰｺﾞ</t>
  </si>
  <si>
    <t>ｲﾗｸ</t>
  </si>
  <si>
    <t>ｲﾀﾘｱ</t>
  </si>
  <si>
    <t>中央ｱﾌﾘｶ</t>
  </si>
  <si>
    <t>ﾁｭﾆｼﾞｱ</t>
  </si>
  <si>
    <t>ｲｽﾗｴﾙ</t>
  </si>
  <si>
    <t>ｷﾙｷﾞｽ</t>
  </si>
  <si>
    <t>ﾁｬﾄﾞ</t>
  </si>
  <si>
    <t>ｳｶﾞﾝﾀﾞ</t>
  </si>
  <si>
    <t>ﾖﾙﾀﾞﾝ</t>
  </si>
  <si>
    <t>ｶｻﾞﾌｽﾀﾝ</t>
  </si>
  <si>
    <t>ｺﾝｺﾞ共和国</t>
  </si>
  <si>
    <t>南ｱﾌﾘｶ共和国</t>
  </si>
  <si>
    <t>ﾘﾋﾃﾝｼｭﾀｲﾝ</t>
  </si>
  <si>
    <t>ｺﾝｺﾞ民主共和国</t>
  </si>
  <si>
    <t>ｴｼﾞﾌﾟﾄ</t>
  </si>
  <si>
    <t>ﾙｸｾﾝﾌﾞﾙｸ</t>
  </si>
  <si>
    <t>ｶ-ﾎﾞﾍﾞﾙﾃﾞ</t>
  </si>
  <si>
    <t>ﾌﾞﾙｷﾅﾌｧｿ</t>
  </si>
  <si>
    <t>ｸｳｪｰﾄ</t>
  </si>
  <si>
    <t>ﾗﾄﾋﾞｱ</t>
  </si>
  <si>
    <t>ｺﾓﾛ</t>
  </si>
  <si>
    <t>ｻﾞﾝﾋﾞｱ</t>
  </si>
  <si>
    <t>ﾗｵｽ</t>
  </si>
  <si>
    <t>ﾘﾄｱﾆｱ</t>
  </si>
  <si>
    <t>ﾍﾞﾅﾝ</t>
  </si>
  <si>
    <t>ｼﾞﾝﾊﾞﾌﾞｴ</t>
  </si>
  <si>
    <t>ﾚﾊﾞﾉﾝ</t>
  </si>
  <si>
    <t>ﾏﾙﾀ</t>
  </si>
  <si>
    <t>ｼﾞﾌﾞﾁ</t>
  </si>
  <si>
    <t>ｱﾝｺﾞﾗ</t>
  </si>
  <si>
    <t>ﾏﾚｰｼｱ</t>
  </si>
  <si>
    <t>ﾓﾙﾄﾞﾊﾞ</t>
  </si>
  <si>
    <t>ｴﾁｵﾋﾟｱ</t>
  </si>
  <si>
    <t>南ｽｰﾀﾞﾝ共和国</t>
  </si>
  <si>
    <t>ﾓﾝｺﾞﾙ</t>
  </si>
  <si>
    <t>ﾏｹﾄﾞﾆｱ</t>
  </si>
  <si>
    <t>赤道ｷﾞﾆｱ</t>
  </si>
  <si>
    <t>北米</t>
  </si>
  <si>
    <t>ｵﾏｰﾝ</t>
  </si>
  <si>
    <t>ｵﾗﾝﾀﾞ</t>
  </si>
  <si>
    <t>ｴﾘﾄﾘｱ</t>
  </si>
  <si>
    <t>ﾊﾞﾙﾊﾞﾄﾞｽ</t>
  </si>
  <si>
    <t>ﾓﾙﾃﾞｨﾌﾞ</t>
  </si>
  <si>
    <t>ﾉﾙｳｪｰ</t>
  </si>
  <si>
    <t>ｶﾞﾎﾞﾝ</t>
  </si>
  <si>
    <t>ﾊﾞﾊﾏ</t>
  </si>
  <si>
    <t>ﾈﾊﾟｰﾙ</t>
  </si>
  <si>
    <t>ﾎﾟｰﾗﾝﾄﾞ</t>
  </si>
  <si>
    <t>ｶﾞｰﾅ</t>
  </si>
  <si>
    <t>ﾍﾞﾘｰｽﾞ</t>
  </si>
  <si>
    <t>ﾊﾟｷｽﾀﾝ</t>
  </si>
  <si>
    <t>ﾎﾟﾙﾄｶﾞﾙ</t>
  </si>
  <si>
    <t>ｷﾞﾆｱ</t>
  </si>
  <si>
    <t>ｶﾅﾀﾞ</t>
  </si>
  <si>
    <t>ﾌｨﾘﾋﾟﾝ</t>
  </si>
  <si>
    <t>ﾙｰﾏﾆｱ</t>
  </si>
  <si>
    <t>ｶﾞﾝﾋﾞｱ</t>
  </si>
  <si>
    <t>ｺｽﾀﾘｶ</t>
  </si>
  <si>
    <t>ｶﾀｰﾙ</t>
  </si>
  <si>
    <t>ﾛｼｱ</t>
  </si>
  <si>
    <t>ｷﾞﾆｱﾋﾞｻｳ</t>
  </si>
  <si>
    <t>ｷｭｰﾊﾞ</t>
  </si>
  <si>
    <t>ｻｳｼﾞｱﾗﾋﾞｱ</t>
  </si>
  <si>
    <t>ｻﾝﾏﾘﾉ</t>
  </si>
  <si>
    <t>ｺｰﾄｼﾞﾎﾞﾜｰﾙ</t>
  </si>
  <si>
    <t>ﾄﾞﾐﾆｶ共和国</t>
  </si>
  <si>
    <t>ｼﾘｱ</t>
  </si>
  <si>
    <t>ｽﾍﾟｲﾝ</t>
  </si>
  <si>
    <t>ｹﾆｱ</t>
  </si>
  <si>
    <t>ﾄﾞﾐﾆｶ</t>
  </si>
  <si>
    <t>ｼﾝｶﾞﾎﾟｰﾙ</t>
  </si>
  <si>
    <t>ｽｳｪｰﾃﾞﾝ</t>
  </si>
  <si>
    <t>ﾘﾍﾞﾘｱ</t>
  </si>
  <si>
    <t>ｴﾙｻﾙﾊﾞﾄﾞﾙ</t>
  </si>
  <si>
    <t>ﾀｲ</t>
  </si>
  <si>
    <t>ｽｲｽ</t>
  </si>
  <si>
    <t>ﾘﾋﾞｱ</t>
  </si>
  <si>
    <t>ｸﾞｱﾃﾏﾗ</t>
  </si>
  <si>
    <t>ﾄﾙｺ</t>
  </si>
  <si>
    <t>ﾄﾙｸﾒﾆｽﾀﾝ</t>
  </si>
  <si>
    <t>ﾚｿﾄ</t>
  </si>
  <si>
    <t>ﾊｲﾁ</t>
  </si>
  <si>
    <t>ﾍﾞﾄﾅﾑ</t>
  </si>
  <si>
    <t>ﾀｼﾞｷｽﾀﾝ</t>
  </si>
  <si>
    <t>ﾏﾀﾞｶﾞｽｶﾙ</t>
  </si>
  <si>
    <t>ﾎﾝｼﾞｭﾗｽ</t>
  </si>
  <si>
    <t>ｲｴﾒﾝ</t>
  </si>
  <si>
    <t>英国</t>
  </si>
  <si>
    <t>ﾏﾘ</t>
  </si>
  <si>
    <t>ｼﾞｬﾏｲｶ</t>
  </si>
  <si>
    <t>ﾒｷｼｺ</t>
  </si>
  <si>
    <t>ﾆｶﾗｸﾞｱ</t>
  </si>
  <si>
    <t>ﾊﾟﾅﾏ</t>
  </si>
  <si>
    <t>ｾﾝﾄﾙｼｱ</t>
  </si>
  <si>
    <t>ｾﾝﾄﾋﾞﾝｾﾝﾄ</t>
  </si>
  <si>
    <t>ｾﾝﾄｸﾘｽﾄﾌｧｰ･ﾈ-ｳﾞｨｽ</t>
  </si>
  <si>
    <t>ﾄﾘﾆﾀﾞｰﾄﾞ･ﾄﾊﾞｺﾞ</t>
  </si>
  <si>
    <t>米国</t>
  </si>
  <si>
    <t>ｸﾞﾚﾅﾀﾞ</t>
  </si>
  <si>
    <t>ｱﾝﾃｨｸﾞｱ･ﾊﾞｰﾌﾞｰﾀﾞ</t>
  </si>
  <si>
    <t>南米</t>
  </si>
  <si>
    <t>ｱﾙｾﾞﾝﾁﾝ</t>
  </si>
  <si>
    <t>ﾎﾞﾘﾋﾞｱ</t>
  </si>
  <si>
    <t>ﾌﾞﾗｼﾞﾙ</t>
  </si>
  <si>
    <t>ﾁﾘ</t>
  </si>
  <si>
    <t>ｺﾛﾝﾋﾞｱ</t>
  </si>
  <si>
    <t>ｴｸｱﾄﾞﾙ</t>
  </si>
  <si>
    <t>ｶﾞｲｱﾅ</t>
  </si>
  <si>
    <t>ﾊﾟﾗｸﾞｱｲ</t>
  </si>
  <si>
    <t>ﾍﾟﾙｰ</t>
  </si>
  <si>
    <t>ｽﾘﾅﾑ</t>
  </si>
  <si>
    <t>ｳﾙｸﾞｱｲ</t>
  </si>
  <si>
    <t>ﾍﾞﾈｽﾞｴﾗ</t>
  </si>
  <si>
    <t>オセアニア</t>
  </si>
  <si>
    <t>ｵｰｽﾄﾗﾘｱ</t>
  </si>
  <si>
    <t>ﾌｨｼﾞｰ</t>
  </si>
  <si>
    <t>ｷﾘﾊﾞｽ</t>
  </si>
  <si>
    <t>ﾏ-ｼｬﾙ</t>
  </si>
  <si>
    <t>ﾐｸﾛﾈｼｱ</t>
  </si>
  <si>
    <t>ﾆｭｰｼﾞｰﾗﾝﾄﾞ</t>
  </si>
  <si>
    <t>ﾅｳﾙ</t>
  </si>
  <si>
    <t>ﾊﾟﾌﾟｱﾆｭｰｷﾞﾆｱ</t>
  </si>
  <si>
    <t>ﾊﾟﾗｵ</t>
  </si>
  <si>
    <t>ｿﾛﾓﾝ</t>
  </si>
  <si>
    <t>ﾄﾝｶﾞ</t>
  </si>
  <si>
    <t>ﾂﾊﾞﾙ</t>
  </si>
  <si>
    <t>ﾊﾞﾇｱﾂ</t>
  </si>
  <si>
    <t>ｻﾓｱ</t>
  </si>
  <si>
    <t>無国籍・その他</t>
    <rPh sb="0" eb="3">
      <t>ムコクセキ</t>
    </rPh>
    <rPh sb="6" eb="7">
      <t>タ</t>
    </rPh>
    <phoneticPr fontId="7"/>
  </si>
  <si>
    <t>韓国</t>
  </si>
  <si>
    <t>その他160</t>
  </si>
</sst>
</file>

<file path=xl/styles.xml><?xml version="1.0" encoding="utf-8"?>
<styleSheet xmlns="http://schemas.openxmlformats.org/spreadsheetml/2006/main" xmlns:mc="http://schemas.openxmlformats.org/markup-compatibility/2006" xmlns:x14ac="http://schemas.microsoft.com/office/spreadsheetml/2009/9/ac" mc:Ignorable="x14ac">
  <fonts count="17" x14ac:knownFonts="1">
    <font>
      <sz val="12"/>
      <color theme="1"/>
      <name val="ＭＳ 明朝"/>
      <family val="2"/>
      <charset val="128"/>
    </font>
    <font>
      <sz val="12"/>
      <color theme="1"/>
      <name val="ＭＳ 明朝"/>
      <family val="2"/>
      <charset val="128"/>
    </font>
    <font>
      <sz val="6"/>
      <name val="ＭＳ 明朝"/>
      <family val="2"/>
      <charset val="128"/>
    </font>
    <font>
      <sz val="11"/>
      <name val="ＭＳ Ｐゴシック"/>
      <family val="3"/>
      <charset val="128"/>
    </font>
    <font>
      <b/>
      <sz val="16"/>
      <name val="ＭＳ Ｐゴシック"/>
      <family val="3"/>
      <charset val="128"/>
    </font>
    <font>
      <sz val="6"/>
      <name val="ＭＳ Ｐゴシック"/>
      <family val="3"/>
      <charset val="128"/>
    </font>
    <font>
      <b/>
      <sz val="11"/>
      <name val="ＭＳ ゴシック"/>
      <family val="3"/>
      <charset val="128"/>
    </font>
    <font>
      <sz val="11"/>
      <name val="ＭＳ ゴシック"/>
      <family val="3"/>
      <charset val="128"/>
    </font>
    <font>
      <b/>
      <sz val="11"/>
      <name val="ＭＳ Ｐゴシック"/>
      <family val="3"/>
      <charset val="128"/>
    </font>
    <font>
      <sz val="12"/>
      <color theme="1"/>
      <name val="HG丸ｺﾞｼｯｸM-PRO"/>
      <family val="3"/>
      <charset val="128"/>
    </font>
    <font>
      <sz val="11"/>
      <name val="HG丸ｺﾞｼｯｸM-PRO"/>
      <family val="3"/>
      <charset val="128"/>
    </font>
    <font>
      <b/>
      <sz val="14"/>
      <color theme="1"/>
      <name val="HG丸ｺﾞｼｯｸM-PRO"/>
      <family val="3"/>
      <charset val="128"/>
    </font>
    <font>
      <sz val="11"/>
      <color theme="1"/>
      <name val="HG丸ｺﾞｼｯｸM-PRO"/>
      <family val="3"/>
      <charset val="128"/>
    </font>
    <font>
      <sz val="10"/>
      <color theme="1"/>
      <name val="HG丸ｺﾞｼｯｸM-PRO"/>
      <family val="3"/>
      <charset val="128"/>
    </font>
    <font>
      <sz val="11"/>
      <color theme="1"/>
      <name val="ＭＳ Ｐゴシック"/>
      <family val="3"/>
      <charset val="128"/>
      <scheme val="minor"/>
    </font>
    <font>
      <sz val="11"/>
      <color theme="1"/>
      <name val="ＭＳ Ｐゴシック"/>
      <family val="3"/>
      <charset val="128"/>
    </font>
    <font>
      <sz val="10"/>
      <color theme="1"/>
      <name val="ＭＳ ゴシック"/>
      <family val="3"/>
      <charset val="128"/>
    </font>
  </fonts>
  <fills count="8">
    <fill>
      <patternFill patternType="none"/>
    </fill>
    <fill>
      <patternFill patternType="gray125"/>
    </fill>
    <fill>
      <gradientFill type="path" left="0.5" right="0.5" top="0.5" bottom="0.5">
        <stop position="0">
          <color theme="0"/>
        </stop>
        <stop position="1">
          <color theme="3"/>
        </stop>
      </gradientFill>
    </fill>
    <fill>
      <patternFill patternType="solid">
        <fgColor theme="0" tint="-0.24994659260841701"/>
        <bgColor indexed="64"/>
      </patternFill>
    </fill>
    <fill>
      <patternFill patternType="solid">
        <fgColor theme="3" tint="0.79998168889431442"/>
        <bgColor indexed="64"/>
      </patternFill>
    </fill>
    <fill>
      <patternFill patternType="solid">
        <fgColor theme="3" tint="0.39997558519241921"/>
        <bgColor indexed="64"/>
      </patternFill>
    </fill>
    <fill>
      <patternFill patternType="solid">
        <fgColor theme="0"/>
        <bgColor indexed="64"/>
      </patternFill>
    </fill>
    <fill>
      <patternFill patternType="solid">
        <fgColor theme="8" tint="0.79998168889431442"/>
        <bgColor indexed="64"/>
      </patternFill>
    </fill>
  </fills>
  <borders count="48">
    <border>
      <left/>
      <right/>
      <top/>
      <bottom/>
      <diagonal/>
    </border>
    <border>
      <left style="medium">
        <color auto="1"/>
      </left>
      <right/>
      <top style="medium">
        <color auto="1"/>
      </top>
      <bottom/>
      <diagonal/>
    </border>
    <border>
      <left style="medium">
        <color indexed="64"/>
      </left>
      <right style="thin">
        <color indexed="64"/>
      </right>
      <top style="medium">
        <color indexed="64"/>
      </top>
      <bottom/>
      <diagonal/>
    </border>
    <border>
      <left style="thin">
        <color auto="1"/>
      </left>
      <right style="medium">
        <color indexed="64"/>
      </right>
      <top style="medium">
        <color auto="1"/>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medium">
        <color indexed="64"/>
      </right>
      <top/>
      <bottom style="thin">
        <color indexed="64"/>
      </bottom>
      <diagonal/>
    </border>
    <border>
      <left/>
      <right style="thin">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hair">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hair">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style="medium">
        <color indexed="64"/>
      </right>
      <top style="hair">
        <color indexed="64"/>
      </top>
      <bottom style="thin">
        <color indexed="64"/>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medium">
        <color indexed="64"/>
      </right>
      <top style="hair">
        <color indexed="64"/>
      </top>
      <bottom/>
      <diagonal/>
    </border>
    <border>
      <left style="medium">
        <color indexed="64"/>
      </left>
      <right style="thin">
        <color indexed="64"/>
      </right>
      <top style="hair">
        <color indexed="64"/>
      </top>
      <bottom/>
      <diagonal/>
    </border>
    <border>
      <left style="thin">
        <color indexed="64"/>
      </left>
      <right style="thin">
        <color indexed="64"/>
      </right>
      <top style="hair">
        <color indexed="64"/>
      </top>
      <bottom/>
      <diagonal/>
    </border>
    <border>
      <left style="thin">
        <color indexed="64"/>
      </left>
      <right style="medium">
        <color indexed="64"/>
      </right>
      <top style="hair">
        <color indexed="64"/>
      </top>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bottom style="hair">
        <color indexed="64"/>
      </bottom>
      <diagonal/>
    </border>
    <border>
      <left style="medium">
        <color indexed="64"/>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medium">
        <color indexed="64"/>
      </right>
      <top/>
      <bottom style="hair">
        <color indexed="64"/>
      </bottom>
      <diagonal/>
    </border>
    <border>
      <left style="medium">
        <color indexed="64"/>
      </left>
      <right style="medium">
        <color indexed="64"/>
      </right>
      <top style="thin">
        <color indexed="64"/>
      </top>
      <bottom style="medium">
        <color indexed="64"/>
      </bottom>
      <diagonal/>
    </border>
    <border>
      <left/>
      <right style="thin">
        <color indexed="64"/>
      </right>
      <top/>
      <bottom style="medium">
        <color indexed="64"/>
      </bottom>
      <diagonal/>
    </border>
  </borders>
  <cellStyleXfs count="5">
    <xf numFmtId="0" fontId="0" fillId="0" borderId="0">
      <alignment vertical="center"/>
    </xf>
    <xf numFmtId="0" fontId="1" fillId="0" borderId="0">
      <alignment vertical="center"/>
    </xf>
    <xf numFmtId="0" fontId="3" fillId="0" borderId="0"/>
    <xf numFmtId="0" fontId="1" fillId="0" borderId="0">
      <alignment vertical="center"/>
    </xf>
    <xf numFmtId="38" fontId="1" fillId="0" borderId="0" applyFont="0" applyFill="0" applyBorder="0" applyAlignment="0" applyProtection="0">
      <alignment vertical="center"/>
    </xf>
  </cellStyleXfs>
  <cellXfs count="81">
    <xf numFmtId="0" fontId="0" fillId="0" borderId="0" xfId="0">
      <alignment vertical="center"/>
    </xf>
    <xf numFmtId="0" fontId="1" fillId="0" borderId="1" xfId="1" applyBorder="1">
      <alignment vertical="center"/>
    </xf>
    <xf numFmtId="0" fontId="4" fillId="2" borderId="2" xfId="2" applyFont="1" applyFill="1" applyBorder="1" applyAlignment="1">
      <alignment horizontal="center"/>
    </xf>
    <xf numFmtId="37" fontId="6" fillId="0" borderId="3" xfId="2" applyNumberFormat="1" applyFont="1" applyFill="1" applyBorder="1" applyAlignment="1" applyProtection="1">
      <alignment vertical="center"/>
    </xf>
    <xf numFmtId="37" fontId="7" fillId="3" borderId="4" xfId="2" applyNumberFormat="1" applyFont="1" applyFill="1" applyBorder="1" applyAlignment="1" applyProtection="1">
      <alignment vertical="center"/>
    </xf>
    <xf numFmtId="0" fontId="3" fillId="4" borderId="5" xfId="2" applyFont="1" applyFill="1" applyBorder="1"/>
    <xf numFmtId="37" fontId="7" fillId="0" borderId="6" xfId="2" applyNumberFormat="1" applyFont="1" applyFill="1" applyBorder="1" applyAlignment="1" applyProtection="1">
      <alignment vertical="center"/>
    </xf>
    <xf numFmtId="0" fontId="1" fillId="0" borderId="0" xfId="1">
      <alignment vertical="center"/>
    </xf>
    <xf numFmtId="37" fontId="7" fillId="3" borderId="7" xfId="2" applyNumberFormat="1" applyFont="1" applyFill="1" applyBorder="1" applyAlignment="1" applyProtection="1">
      <alignment vertical="center"/>
    </xf>
    <xf numFmtId="0" fontId="8" fillId="5" borderId="8" xfId="2" applyFont="1" applyFill="1" applyBorder="1"/>
    <xf numFmtId="37" fontId="6" fillId="0" borderId="9" xfId="2" applyNumberFormat="1" applyFont="1" applyFill="1" applyBorder="1" applyAlignment="1" applyProtection="1">
      <alignment vertical="center"/>
    </xf>
    <xf numFmtId="0" fontId="3" fillId="4" borderId="10" xfId="2" applyFont="1" applyFill="1" applyBorder="1"/>
    <xf numFmtId="37" fontId="7" fillId="0" borderId="11" xfId="2" applyNumberFormat="1" applyFont="1" applyFill="1" applyBorder="1" applyAlignment="1" applyProtection="1">
      <alignment vertical="center"/>
    </xf>
    <xf numFmtId="0" fontId="1" fillId="3" borderId="7" xfId="1" applyFont="1" applyFill="1" applyBorder="1">
      <alignment vertical="center"/>
    </xf>
    <xf numFmtId="37" fontId="7" fillId="3" borderId="12" xfId="2" applyNumberFormat="1" applyFont="1" applyFill="1" applyBorder="1" applyAlignment="1" applyProtection="1">
      <alignment vertical="center"/>
    </xf>
    <xf numFmtId="0" fontId="3" fillId="4" borderId="13" xfId="2" applyFont="1" applyFill="1" applyBorder="1"/>
    <xf numFmtId="37" fontId="7" fillId="3" borderId="14" xfId="2" applyNumberFormat="1" applyFont="1" applyFill="1" applyBorder="1" applyAlignment="1" applyProtection="1">
      <alignment vertical="center"/>
    </xf>
    <xf numFmtId="0" fontId="1" fillId="3" borderId="15" xfId="1" applyFont="1" applyFill="1" applyBorder="1">
      <alignment vertical="center"/>
    </xf>
    <xf numFmtId="0" fontId="3" fillId="4" borderId="16" xfId="2" applyFont="1" applyFill="1" applyBorder="1"/>
    <xf numFmtId="37" fontId="7" fillId="0" borderId="17" xfId="2" applyNumberFormat="1" applyFont="1" applyFill="1" applyBorder="1" applyAlignment="1" applyProtection="1">
      <alignment vertical="center"/>
    </xf>
    <xf numFmtId="37" fontId="7" fillId="3" borderId="15" xfId="2" applyNumberFormat="1" applyFont="1" applyFill="1" applyBorder="1" applyAlignment="1" applyProtection="1">
      <alignment vertical="center"/>
    </xf>
    <xf numFmtId="37" fontId="7" fillId="0" borderId="18" xfId="2" applyNumberFormat="1" applyFont="1" applyFill="1" applyBorder="1" applyAlignment="1" applyProtection="1">
      <alignment vertical="center"/>
    </xf>
    <xf numFmtId="0" fontId="1" fillId="0" borderId="0" xfId="1" applyBorder="1">
      <alignment vertical="center"/>
    </xf>
    <xf numFmtId="0" fontId="1" fillId="0" borderId="0" xfId="1" applyFill="1" applyBorder="1">
      <alignment vertical="center"/>
    </xf>
    <xf numFmtId="0" fontId="1" fillId="0" borderId="0" xfId="1" applyFont="1" applyFill="1" applyBorder="1">
      <alignment vertical="center"/>
    </xf>
    <xf numFmtId="0" fontId="1" fillId="0" borderId="0" xfId="1" applyFont="1">
      <alignment vertical="center"/>
    </xf>
    <xf numFmtId="0" fontId="9" fillId="0" borderId="0" xfId="1" applyFont="1" applyBorder="1" applyAlignment="1">
      <alignment horizontal="right" vertical="center"/>
    </xf>
    <xf numFmtId="0" fontId="3" fillId="0" borderId="0" xfId="2" applyFill="1" applyBorder="1"/>
    <xf numFmtId="37" fontId="7" fillId="0" borderId="0" xfId="2" applyNumberFormat="1" applyFont="1" applyFill="1" applyBorder="1" applyAlignment="1" applyProtection="1">
      <alignment vertical="center"/>
    </xf>
    <xf numFmtId="37" fontId="10" fillId="6" borderId="0" xfId="2" applyNumberFormat="1" applyFont="1" applyFill="1" applyBorder="1" applyAlignment="1" applyProtection="1">
      <alignment horizontal="left" vertical="center"/>
    </xf>
    <xf numFmtId="0" fontId="1" fillId="0" borderId="0" xfId="1" applyAlignment="1">
      <alignment vertical="center"/>
    </xf>
    <xf numFmtId="0" fontId="1" fillId="0" borderId="0" xfId="1" applyFont="1" applyAlignment="1">
      <alignment vertical="center"/>
    </xf>
    <xf numFmtId="0" fontId="1" fillId="0" borderId="0" xfId="1" applyFont="1" applyBorder="1" applyAlignment="1">
      <alignment horizontal="right" vertical="center"/>
    </xf>
    <xf numFmtId="0" fontId="1" fillId="0" borderId="0" xfId="3">
      <alignment vertical="center"/>
    </xf>
    <xf numFmtId="0" fontId="12" fillId="0" borderId="0" xfId="3" applyFont="1" applyAlignment="1">
      <alignment horizontal="center" vertical="center"/>
    </xf>
    <xf numFmtId="0" fontId="13" fillId="7" borderId="19" xfId="3" applyFont="1" applyFill="1" applyBorder="1">
      <alignment vertical="center"/>
    </xf>
    <xf numFmtId="0" fontId="13" fillId="7" borderId="20" xfId="3" applyFont="1" applyFill="1" applyBorder="1" applyAlignment="1">
      <alignment horizontal="center" vertical="center" wrapText="1"/>
    </xf>
    <xf numFmtId="0" fontId="13" fillId="7" borderId="22" xfId="3" applyFont="1" applyFill="1" applyBorder="1">
      <alignment vertical="center"/>
    </xf>
    <xf numFmtId="37" fontId="1" fillId="0" borderId="0" xfId="3" applyNumberFormat="1">
      <alignment vertical="center"/>
    </xf>
    <xf numFmtId="0" fontId="13" fillId="7" borderId="24" xfId="3" applyFont="1" applyFill="1" applyBorder="1">
      <alignment vertical="center"/>
    </xf>
    <xf numFmtId="0" fontId="13" fillId="7" borderId="25" xfId="3" applyFont="1" applyFill="1" applyBorder="1">
      <alignment vertical="center"/>
    </xf>
    <xf numFmtId="38" fontId="0" fillId="0" borderId="0" xfId="3" applyNumberFormat="1" applyFont="1">
      <alignment vertical="center"/>
    </xf>
    <xf numFmtId="0" fontId="13" fillId="7" borderId="29" xfId="3" applyFont="1" applyFill="1" applyBorder="1">
      <alignment vertical="center"/>
    </xf>
    <xf numFmtId="38" fontId="1" fillId="0" borderId="0" xfId="3" applyNumberFormat="1">
      <alignment vertical="center"/>
    </xf>
    <xf numFmtId="0" fontId="13" fillId="7" borderId="33" xfId="3" applyFont="1" applyFill="1" applyBorder="1">
      <alignment vertical="center"/>
    </xf>
    <xf numFmtId="0" fontId="13" fillId="7" borderId="37" xfId="3" applyFont="1" applyFill="1" applyBorder="1">
      <alignment vertical="center"/>
    </xf>
    <xf numFmtId="0" fontId="13" fillId="7" borderId="42" xfId="3" applyFont="1" applyFill="1" applyBorder="1">
      <alignment vertical="center"/>
    </xf>
    <xf numFmtId="0" fontId="13" fillId="7" borderId="46" xfId="3" applyFont="1" applyFill="1" applyBorder="1">
      <alignment vertical="center"/>
    </xf>
    <xf numFmtId="0" fontId="14" fillId="6" borderId="0" xfId="3" applyFont="1" applyFill="1" applyBorder="1">
      <alignment vertical="center"/>
    </xf>
    <xf numFmtId="0" fontId="15" fillId="4" borderId="10" xfId="2" applyFont="1" applyFill="1" applyBorder="1"/>
    <xf numFmtId="0" fontId="11" fillId="0" borderId="0" xfId="3" applyFont="1" applyAlignment="1">
      <alignment horizontal="center" vertical="center"/>
    </xf>
    <xf numFmtId="0" fontId="9" fillId="0" borderId="0" xfId="3" applyFont="1" applyBorder="1" applyAlignment="1">
      <alignment horizontal="right" vertical="center"/>
    </xf>
    <xf numFmtId="0" fontId="0" fillId="0" borderId="0" xfId="1" applyFont="1" applyBorder="1" applyAlignment="1">
      <alignment horizontal="right" vertical="center"/>
    </xf>
    <xf numFmtId="0" fontId="0" fillId="0" borderId="0" xfId="0" applyAlignment="1">
      <alignment vertical="center"/>
    </xf>
    <xf numFmtId="0" fontId="13" fillId="7" borderId="21" xfId="3" applyFont="1" applyFill="1" applyBorder="1" applyAlignment="1">
      <alignment horizontal="center" vertical="center"/>
    </xf>
    <xf numFmtId="0" fontId="13" fillId="7" borderId="9" xfId="3" applyFont="1" applyFill="1" applyBorder="1" applyAlignment="1">
      <alignment horizontal="center" vertical="center" wrapText="1"/>
    </xf>
    <xf numFmtId="38" fontId="16" fillId="0" borderId="23" xfId="4" applyFont="1" applyBorder="1">
      <alignment vertical="center"/>
    </xf>
    <xf numFmtId="38" fontId="16" fillId="0" borderId="13" xfId="4" applyFont="1" applyBorder="1">
      <alignment vertical="center"/>
    </xf>
    <xf numFmtId="38" fontId="16" fillId="0" borderId="11" xfId="4" applyFont="1" applyBorder="1">
      <alignment vertical="center"/>
    </xf>
    <xf numFmtId="38" fontId="16" fillId="0" borderId="10" xfId="4" applyFont="1" applyBorder="1">
      <alignment vertical="center"/>
    </xf>
    <xf numFmtId="38" fontId="16" fillId="0" borderId="26" xfId="4" applyFont="1" applyBorder="1">
      <alignment vertical="center"/>
    </xf>
    <xf numFmtId="38" fontId="16" fillId="0" borderId="27" xfId="4" applyFont="1" applyBorder="1">
      <alignment vertical="center"/>
    </xf>
    <xf numFmtId="38" fontId="16" fillId="0" borderId="28" xfId="4" applyFont="1" applyBorder="1">
      <alignment vertical="center"/>
    </xf>
    <xf numFmtId="38" fontId="16" fillId="0" borderId="30" xfId="4" applyFont="1" applyBorder="1">
      <alignment vertical="center"/>
    </xf>
    <xf numFmtId="38" fontId="16" fillId="0" borderId="31" xfId="4" applyFont="1" applyBorder="1">
      <alignment vertical="center"/>
    </xf>
    <xf numFmtId="38" fontId="16" fillId="0" borderId="32" xfId="4" applyFont="1" applyBorder="1">
      <alignment vertical="center"/>
    </xf>
    <xf numFmtId="38" fontId="16" fillId="0" borderId="34" xfId="4" applyFont="1" applyBorder="1">
      <alignment vertical="center"/>
    </xf>
    <xf numFmtId="38" fontId="16" fillId="0" borderId="35" xfId="4" applyFont="1" applyBorder="1">
      <alignment vertical="center"/>
    </xf>
    <xf numFmtId="38" fontId="16" fillId="0" borderId="36" xfId="4" applyFont="1" applyBorder="1">
      <alignment vertical="center"/>
    </xf>
    <xf numFmtId="38" fontId="16" fillId="0" borderId="38" xfId="4" applyFont="1" applyBorder="1">
      <alignment vertical="center"/>
    </xf>
    <xf numFmtId="38" fontId="16" fillId="0" borderId="39" xfId="4" applyFont="1" applyBorder="1">
      <alignment vertical="center"/>
    </xf>
    <xf numFmtId="38" fontId="16" fillId="0" borderId="40" xfId="4" applyFont="1" applyBorder="1">
      <alignment vertical="center"/>
    </xf>
    <xf numFmtId="38" fontId="16" fillId="0" borderId="7" xfId="4" applyFont="1" applyBorder="1">
      <alignment vertical="center"/>
    </xf>
    <xf numFmtId="38" fontId="16" fillId="0" borderId="41" xfId="4" applyFont="1" applyBorder="1">
      <alignment vertical="center"/>
    </xf>
    <xf numFmtId="38" fontId="16" fillId="0" borderId="43" xfId="4" applyFont="1" applyBorder="1">
      <alignment vertical="center"/>
    </xf>
    <xf numFmtId="38" fontId="16" fillId="0" borderId="44" xfId="4" applyFont="1" applyBorder="1">
      <alignment vertical="center"/>
    </xf>
    <xf numFmtId="38" fontId="16" fillId="0" borderId="45" xfId="4" applyFont="1" applyBorder="1">
      <alignment vertical="center"/>
    </xf>
    <xf numFmtId="38" fontId="16" fillId="0" borderId="47" xfId="4" applyFont="1" applyBorder="1">
      <alignment vertical="center"/>
    </xf>
    <xf numFmtId="38" fontId="16" fillId="0" borderId="16" xfId="4" applyFont="1" applyBorder="1">
      <alignment vertical="center"/>
    </xf>
    <xf numFmtId="38" fontId="16" fillId="0" borderId="17" xfId="4" applyFont="1" applyBorder="1">
      <alignment vertical="center"/>
    </xf>
    <xf numFmtId="0" fontId="9" fillId="0" borderId="0" xfId="3" applyFont="1" applyFill="1" applyAlignment="1">
      <alignment horizontal="right" vertical="center"/>
    </xf>
  </cellXfs>
  <cellStyles count="5">
    <cellStyle name="桁区切り 4 2" xfId="4"/>
    <cellStyle name="標準" xfId="0" builtinId="0"/>
    <cellStyle name="標準 2 2" xfId="2"/>
    <cellStyle name="標準 6" xfId="1"/>
    <cellStyle name="標準 6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B:\&#12469;&#12531;&#12503;&#12523;&#12510;&#12463;&#12525;&#19968;&#3523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www.pref.kanagawa.jp/My%20Documents/&#22806;&#22269;&#20154;&#30331;&#37682;&#6529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www.pref.kanagawa.jp/&#22806;&#22269;&#20154;&#30331;&#37682;&#20107;&#21209;.&#65288;VER1&#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ＤＢシート２"/>
      <sheetName val="サンプルマクロ一覧"/>
    </sheetNames>
    <definedNames>
      <definedName name="新規入力"/>
    </definedNames>
    <sheetDataSet>
      <sheetData sheetId="0"/>
      <sheetData sheetId="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国名ＤＢ シート"/>
    </sheetNames>
    <sheetDataSet>
      <sheetData sheetId="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国名入力Dialog"/>
      <sheetName val="外国人登録事務マクロ"/>
      <sheetName val="Module1"/>
      <sheetName val="国名ＤＢ"/>
      <sheetName val="表紙"/>
      <sheetName val="ＤＢシート"/>
      <sheetName val="入力表1"/>
      <sheetName val="入力表2"/>
      <sheetName val="入力表3"/>
      <sheetName val="国別一覧表"/>
      <sheetName val="入力表4"/>
      <sheetName val="国別整理一覧表"/>
      <sheetName val="国別整理表"/>
      <sheetName val="事務あら整理表"/>
      <sheetName val="事務あら一覧表"/>
      <sheetName val="国籍別人員調査票"/>
      <sheetName val="事務あら人員票"/>
      <sheetName val="抽出一覧表"/>
    </sheetNames>
    <sheetDataSet>
      <sheetData sheetId="0"/>
      <sheetData sheetId="1" refreshError="1"/>
      <sheetData sheetId="2" refreshError="1"/>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S67"/>
  <sheetViews>
    <sheetView showZeros="0" tabSelected="1" view="pageBreakPreview" zoomScale="90" zoomScaleNormal="100" zoomScaleSheetLayoutView="90" workbookViewId="0">
      <selection activeCell="P2" sqref="P2"/>
    </sheetView>
  </sheetViews>
  <sheetFormatPr defaultColWidth="8.25" defaultRowHeight="14" x14ac:dyDescent="0.2"/>
  <cols>
    <col min="1" max="1" width="9.75" style="33" customWidth="1"/>
    <col min="2" max="2" width="7.9140625" style="33" customWidth="1"/>
    <col min="3" max="15" width="6.6640625" style="33" customWidth="1"/>
    <col min="16" max="16" width="7.75" style="33" customWidth="1"/>
    <col min="17" max="16384" width="8.25" style="33"/>
  </cols>
  <sheetData>
    <row r="1" spans="1:19" ht="17.25" customHeight="1" x14ac:dyDescent="0.2">
      <c r="A1" s="50" t="s">
        <v>3</v>
      </c>
      <c r="B1" s="50"/>
      <c r="C1" s="50"/>
      <c r="D1" s="50"/>
      <c r="E1" s="50"/>
      <c r="F1" s="50"/>
      <c r="G1" s="50"/>
      <c r="H1" s="50"/>
      <c r="I1" s="50"/>
      <c r="J1" s="50"/>
      <c r="K1" s="50"/>
      <c r="L1" s="50"/>
      <c r="M1" s="50"/>
      <c r="N1" s="50"/>
      <c r="O1" s="50"/>
      <c r="P1" s="50"/>
    </row>
    <row r="2" spans="1:19" ht="15" customHeight="1" thickBot="1" x14ac:dyDescent="0.25">
      <c r="O2" s="34"/>
      <c r="P2" s="80" t="s">
        <v>68</v>
      </c>
    </row>
    <row r="3" spans="1:19" ht="24.75" customHeight="1" thickBot="1" x14ac:dyDescent="0.25">
      <c r="A3" s="35"/>
      <c r="B3" s="36" t="s">
        <v>69</v>
      </c>
      <c r="C3" s="54" t="s">
        <v>115</v>
      </c>
      <c r="D3" s="54" t="s">
        <v>272</v>
      </c>
      <c r="E3" s="54" t="s">
        <v>225</v>
      </c>
      <c r="F3" s="54" t="s">
        <v>197</v>
      </c>
      <c r="G3" s="54" t="s">
        <v>246</v>
      </c>
      <c r="H3" s="54" t="s">
        <v>189</v>
      </c>
      <c r="I3" s="54" t="s">
        <v>131</v>
      </c>
      <c r="J3" s="54" t="s">
        <v>252</v>
      </c>
      <c r="K3" s="54" t="s">
        <v>240</v>
      </c>
      <c r="L3" s="54" t="s">
        <v>119</v>
      </c>
      <c r="M3" s="54" t="s">
        <v>217</v>
      </c>
      <c r="N3" s="54" t="s">
        <v>135</v>
      </c>
      <c r="O3" s="54" t="s">
        <v>111</v>
      </c>
      <c r="P3" s="55" t="s">
        <v>273</v>
      </c>
    </row>
    <row r="4" spans="1:19" ht="18" customHeight="1" x14ac:dyDescent="0.2">
      <c r="A4" s="37" t="s">
        <v>4</v>
      </c>
      <c r="B4" s="56">
        <v>228275</v>
      </c>
      <c r="C4" s="57">
        <v>73136</v>
      </c>
      <c r="D4" s="57">
        <v>27964</v>
      </c>
      <c r="E4" s="57">
        <v>24269</v>
      </c>
      <c r="F4" s="57">
        <v>23076</v>
      </c>
      <c r="G4" s="57">
        <v>8866</v>
      </c>
      <c r="H4" s="57">
        <v>7344</v>
      </c>
      <c r="I4" s="57">
        <v>6298</v>
      </c>
      <c r="J4" s="57">
        <v>6225</v>
      </c>
      <c r="K4" s="57">
        <v>5777</v>
      </c>
      <c r="L4" s="57">
        <v>5626</v>
      </c>
      <c r="M4" s="57">
        <v>4512</v>
      </c>
      <c r="N4" s="57">
        <v>3806</v>
      </c>
      <c r="O4" s="57">
        <v>3644</v>
      </c>
      <c r="P4" s="58">
        <v>27732</v>
      </c>
      <c r="Q4" s="38"/>
    </row>
    <row r="5" spans="1:19" ht="18" customHeight="1" x14ac:dyDescent="0.2">
      <c r="A5" s="39" t="s">
        <v>5</v>
      </c>
      <c r="B5" s="56">
        <v>104033</v>
      </c>
      <c r="C5" s="59">
        <v>41700</v>
      </c>
      <c r="D5" s="59">
        <v>12901</v>
      </c>
      <c r="E5" s="59">
        <v>8595</v>
      </c>
      <c r="F5" s="59">
        <v>8410</v>
      </c>
      <c r="G5" s="59">
        <v>2714</v>
      </c>
      <c r="H5" s="59">
        <v>4148</v>
      </c>
      <c r="I5" s="59">
        <v>3192</v>
      </c>
      <c r="J5" s="59">
        <v>1240</v>
      </c>
      <c r="K5" s="59">
        <v>2697</v>
      </c>
      <c r="L5" s="59">
        <v>2872</v>
      </c>
      <c r="M5" s="59">
        <v>1719</v>
      </c>
      <c r="N5" s="59">
        <v>1416</v>
      </c>
      <c r="O5" s="59">
        <v>991</v>
      </c>
      <c r="P5" s="58">
        <v>11438</v>
      </c>
      <c r="Q5" s="38"/>
    </row>
    <row r="6" spans="1:19" ht="18" customHeight="1" x14ac:dyDescent="0.2">
      <c r="A6" s="40" t="s">
        <v>6</v>
      </c>
      <c r="B6" s="60">
        <v>13820</v>
      </c>
      <c r="C6" s="61">
        <v>5154</v>
      </c>
      <c r="D6" s="61">
        <v>1480</v>
      </c>
      <c r="E6" s="61">
        <v>1260</v>
      </c>
      <c r="F6" s="61">
        <v>1338</v>
      </c>
      <c r="G6" s="61">
        <v>1253</v>
      </c>
      <c r="H6" s="61">
        <v>795</v>
      </c>
      <c r="I6" s="61">
        <v>311</v>
      </c>
      <c r="J6" s="61">
        <v>400</v>
      </c>
      <c r="K6" s="61">
        <v>120</v>
      </c>
      <c r="L6" s="61">
        <v>244</v>
      </c>
      <c r="M6" s="61">
        <v>124</v>
      </c>
      <c r="N6" s="61">
        <v>133</v>
      </c>
      <c r="O6" s="61">
        <v>58</v>
      </c>
      <c r="P6" s="62">
        <v>1150</v>
      </c>
      <c r="Q6" s="38"/>
      <c r="S6" s="41"/>
    </row>
    <row r="7" spans="1:19" ht="18" customHeight="1" x14ac:dyDescent="0.2">
      <c r="A7" s="42" t="s">
        <v>7</v>
      </c>
      <c r="B7" s="63">
        <v>7470</v>
      </c>
      <c r="C7" s="64">
        <v>3011</v>
      </c>
      <c r="D7" s="64">
        <v>1002</v>
      </c>
      <c r="E7" s="64">
        <v>528</v>
      </c>
      <c r="F7" s="64">
        <v>515</v>
      </c>
      <c r="G7" s="64">
        <v>82</v>
      </c>
      <c r="H7" s="64">
        <v>744</v>
      </c>
      <c r="I7" s="64">
        <v>110</v>
      </c>
      <c r="J7" s="64">
        <v>29</v>
      </c>
      <c r="K7" s="64">
        <v>187</v>
      </c>
      <c r="L7" s="64">
        <v>209</v>
      </c>
      <c r="M7" s="64">
        <v>92</v>
      </c>
      <c r="N7" s="64">
        <v>91</v>
      </c>
      <c r="O7" s="64">
        <v>79</v>
      </c>
      <c r="P7" s="65">
        <v>791</v>
      </c>
      <c r="Q7" s="38"/>
    </row>
    <row r="8" spans="1:19" ht="18" customHeight="1" x14ac:dyDescent="0.2">
      <c r="A8" s="42" t="s">
        <v>8</v>
      </c>
      <c r="B8" s="63">
        <v>5255</v>
      </c>
      <c r="C8" s="64">
        <v>1970</v>
      </c>
      <c r="D8" s="64">
        <v>668</v>
      </c>
      <c r="E8" s="64">
        <v>415</v>
      </c>
      <c r="F8" s="64">
        <v>246</v>
      </c>
      <c r="G8" s="64">
        <v>28</v>
      </c>
      <c r="H8" s="64">
        <v>639</v>
      </c>
      <c r="I8" s="64">
        <v>86</v>
      </c>
      <c r="J8" s="64">
        <v>21</v>
      </c>
      <c r="K8" s="64">
        <v>199</v>
      </c>
      <c r="L8" s="64">
        <v>144</v>
      </c>
      <c r="M8" s="64">
        <v>70</v>
      </c>
      <c r="N8" s="64">
        <v>48</v>
      </c>
      <c r="O8" s="64">
        <v>95</v>
      </c>
      <c r="P8" s="65">
        <v>626</v>
      </c>
      <c r="Q8" s="38"/>
    </row>
    <row r="9" spans="1:19" ht="18" customHeight="1" x14ac:dyDescent="0.2">
      <c r="A9" s="42" t="s">
        <v>9</v>
      </c>
      <c r="B9" s="63">
        <v>17310</v>
      </c>
      <c r="C9" s="64">
        <v>9669</v>
      </c>
      <c r="D9" s="64">
        <v>2070</v>
      </c>
      <c r="E9" s="64">
        <v>497</v>
      </c>
      <c r="F9" s="64">
        <v>765</v>
      </c>
      <c r="G9" s="64">
        <v>106</v>
      </c>
      <c r="H9" s="64">
        <v>320</v>
      </c>
      <c r="I9" s="64">
        <v>326</v>
      </c>
      <c r="J9" s="64">
        <v>48</v>
      </c>
      <c r="K9" s="64">
        <v>687</v>
      </c>
      <c r="L9" s="64">
        <v>758</v>
      </c>
      <c r="M9" s="64">
        <v>335</v>
      </c>
      <c r="N9" s="64">
        <v>79</v>
      </c>
      <c r="O9" s="64">
        <v>102</v>
      </c>
      <c r="P9" s="65">
        <v>1548</v>
      </c>
      <c r="Q9" s="38"/>
    </row>
    <row r="10" spans="1:19" ht="18" customHeight="1" x14ac:dyDescent="0.2">
      <c r="A10" s="42" t="s">
        <v>10</v>
      </c>
      <c r="B10" s="63">
        <v>10856</v>
      </c>
      <c r="C10" s="64">
        <v>5650</v>
      </c>
      <c r="D10" s="64">
        <v>1438</v>
      </c>
      <c r="E10" s="64">
        <v>700</v>
      </c>
      <c r="F10" s="64">
        <v>1115</v>
      </c>
      <c r="G10" s="64">
        <v>36</v>
      </c>
      <c r="H10" s="64">
        <v>251</v>
      </c>
      <c r="I10" s="64">
        <v>119</v>
      </c>
      <c r="J10" s="64">
        <v>49</v>
      </c>
      <c r="K10" s="64">
        <v>141</v>
      </c>
      <c r="L10" s="64">
        <v>325</v>
      </c>
      <c r="M10" s="64">
        <v>215</v>
      </c>
      <c r="N10" s="64">
        <v>62</v>
      </c>
      <c r="O10" s="64">
        <v>77</v>
      </c>
      <c r="P10" s="65">
        <v>678</v>
      </c>
      <c r="Q10" s="38"/>
      <c r="S10" s="43"/>
    </row>
    <row r="11" spans="1:19" ht="18" customHeight="1" x14ac:dyDescent="0.2">
      <c r="A11" s="42" t="s">
        <v>11</v>
      </c>
      <c r="B11" s="63">
        <v>2760</v>
      </c>
      <c r="C11" s="64">
        <v>1040</v>
      </c>
      <c r="D11" s="64">
        <v>493</v>
      </c>
      <c r="E11" s="64">
        <v>276</v>
      </c>
      <c r="F11" s="64">
        <v>315</v>
      </c>
      <c r="G11" s="64">
        <v>39</v>
      </c>
      <c r="H11" s="64">
        <v>53</v>
      </c>
      <c r="I11" s="64">
        <v>33</v>
      </c>
      <c r="J11" s="64">
        <v>16</v>
      </c>
      <c r="K11" s="64">
        <v>68</v>
      </c>
      <c r="L11" s="64">
        <v>67</v>
      </c>
      <c r="M11" s="64">
        <v>64</v>
      </c>
      <c r="N11" s="64">
        <v>36</v>
      </c>
      <c r="O11" s="64">
        <v>7</v>
      </c>
      <c r="P11" s="65">
        <v>253</v>
      </c>
      <c r="Q11" s="38"/>
      <c r="S11" s="43"/>
    </row>
    <row r="12" spans="1:19" ht="18" customHeight="1" x14ac:dyDescent="0.2">
      <c r="A12" s="42" t="s">
        <v>12</v>
      </c>
      <c r="B12" s="63">
        <v>5824</v>
      </c>
      <c r="C12" s="64">
        <v>2317</v>
      </c>
      <c r="D12" s="64">
        <v>656</v>
      </c>
      <c r="E12" s="64">
        <v>449</v>
      </c>
      <c r="F12" s="64">
        <v>457</v>
      </c>
      <c r="G12" s="64">
        <v>52</v>
      </c>
      <c r="H12" s="64">
        <v>398</v>
      </c>
      <c r="I12" s="64">
        <v>296</v>
      </c>
      <c r="J12" s="64">
        <v>18</v>
      </c>
      <c r="K12" s="64">
        <v>98</v>
      </c>
      <c r="L12" s="64">
        <v>147</v>
      </c>
      <c r="M12" s="64">
        <v>94</v>
      </c>
      <c r="N12" s="64">
        <v>92</v>
      </c>
      <c r="O12" s="64">
        <v>85</v>
      </c>
      <c r="P12" s="65">
        <v>665</v>
      </c>
      <c r="Q12" s="38"/>
      <c r="S12" s="43"/>
    </row>
    <row r="13" spans="1:19" ht="18" customHeight="1" x14ac:dyDescent="0.2">
      <c r="A13" s="42" t="s">
        <v>13</v>
      </c>
      <c r="B13" s="63">
        <v>3164</v>
      </c>
      <c r="C13" s="64">
        <v>973</v>
      </c>
      <c r="D13" s="64">
        <v>410</v>
      </c>
      <c r="E13" s="64">
        <v>353</v>
      </c>
      <c r="F13" s="64">
        <v>342</v>
      </c>
      <c r="G13" s="64">
        <v>35</v>
      </c>
      <c r="H13" s="64">
        <v>156</v>
      </c>
      <c r="I13" s="64">
        <v>28</v>
      </c>
      <c r="J13" s="64">
        <v>16</v>
      </c>
      <c r="K13" s="64">
        <v>66</v>
      </c>
      <c r="L13" s="64">
        <v>64</v>
      </c>
      <c r="M13" s="64">
        <v>91</v>
      </c>
      <c r="N13" s="64">
        <v>131</v>
      </c>
      <c r="O13" s="64">
        <v>42</v>
      </c>
      <c r="P13" s="65">
        <v>457</v>
      </c>
      <c r="Q13" s="38"/>
    </row>
    <row r="14" spans="1:19" ht="18" customHeight="1" x14ac:dyDescent="0.2">
      <c r="A14" s="42" t="s">
        <v>14</v>
      </c>
      <c r="B14" s="63">
        <v>5059</v>
      </c>
      <c r="C14" s="64">
        <v>2565</v>
      </c>
      <c r="D14" s="64">
        <v>521</v>
      </c>
      <c r="E14" s="64">
        <v>342</v>
      </c>
      <c r="F14" s="64">
        <v>427</v>
      </c>
      <c r="G14" s="64">
        <v>210</v>
      </c>
      <c r="H14" s="64">
        <v>126</v>
      </c>
      <c r="I14" s="64">
        <v>146</v>
      </c>
      <c r="J14" s="64">
        <v>73</v>
      </c>
      <c r="K14" s="64">
        <v>99</v>
      </c>
      <c r="L14" s="64">
        <v>116</v>
      </c>
      <c r="M14" s="64">
        <v>67</v>
      </c>
      <c r="N14" s="64">
        <v>22</v>
      </c>
      <c r="O14" s="64">
        <v>23</v>
      </c>
      <c r="P14" s="65">
        <v>322</v>
      </c>
      <c r="Q14" s="38"/>
    </row>
    <row r="15" spans="1:19" ht="18" customHeight="1" x14ac:dyDescent="0.2">
      <c r="A15" s="42" t="s">
        <v>15</v>
      </c>
      <c r="B15" s="63">
        <v>3054</v>
      </c>
      <c r="C15" s="64">
        <v>729</v>
      </c>
      <c r="D15" s="64">
        <v>371</v>
      </c>
      <c r="E15" s="64">
        <v>393</v>
      </c>
      <c r="F15" s="64">
        <v>265</v>
      </c>
      <c r="G15" s="64">
        <v>165</v>
      </c>
      <c r="H15" s="64">
        <v>82</v>
      </c>
      <c r="I15" s="64">
        <v>55</v>
      </c>
      <c r="J15" s="64">
        <v>295</v>
      </c>
      <c r="K15" s="64">
        <v>106</v>
      </c>
      <c r="L15" s="64">
        <v>59</v>
      </c>
      <c r="M15" s="64">
        <v>78</v>
      </c>
      <c r="N15" s="64">
        <v>66</v>
      </c>
      <c r="O15" s="64">
        <v>23</v>
      </c>
      <c r="P15" s="65">
        <v>367</v>
      </c>
      <c r="Q15" s="38"/>
    </row>
    <row r="16" spans="1:19" ht="18" customHeight="1" x14ac:dyDescent="0.2">
      <c r="A16" s="42" t="s">
        <v>16</v>
      </c>
      <c r="B16" s="63">
        <v>7075</v>
      </c>
      <c r="C16" s="64">
        <v>2008</v>
      </c>
      <c r="D16" s="64">
        <v>1223</v>
      </c>
      <c r="E16" s="64">
        <v>495</v>
      </c>
      <c r="F16" s="64">
        <v>668</v>
      </c>
      <c r="G16" s="64">
        <v>118</v>
      </c>
      <c r="H16" s="64">
        <v>295</v>
      </c>
      <c r="I16" s="64">
        <v>135</v>
      </c>
      <c r="J16" s="64">
        <v>26</v>
      </c>
      <c r="K16" s="64">
        <v>293</v>
      </c>
      <c r="L16" s="64">
        <v>240</v>
      </c>
      <c r="M16" s="64">
        <v>106</v>
      </c>
      <c r="N16" s="64">
        <v>100</v>
      </c>
      <c r="O16" s="64">
        <v>181</v>
      </c>
      <c r="P16" s="65">
        <v>1187</v>
      </c>
      <c r="Q16" s="38"/>
    </row>
    <row r="17" spans="1:17" ht="18" customHeight="1" x14ac:dyDescent="0.2">
      <c r="A17" s="42" t="s">
        <v>17</v>
      </c>
      <c r="B17" s="63">
        <v>4256</v>
      </c>
      <c r="C17" s="64">
        <v>1088</v>
      </c>
      <c r="D17" s="64">
        <v>327</v>
      </c>
      <c r="E17" s="64">
        <v>314</v>
      </c>
      <c r="F17" s="64">
        <v>429</v>
      </c>
      <c r="G17" s="64">
        <v>149</v>
      </c>
      <c r="H17" s="64">
        <v>39</v>
      </c>
      <c r="I17" s="64">
        <v>1048</v>
      </c>
      <c r="J17" s="64">
        <v>43</v>
      </c>
      <c r="K17" s="64">
        <v>56</v>
      </c>
      <c r="L17" s="64">
        <v>63</v>
      </c>
      <c r="M17" s="64">
        <v>80</v>
      </c>
      <c r="N17" s="64">
        <v>147</v>
      </c>
      <c r="O17" s="64">
        <v>27</v>
      </c>
      <c r="P17" s="65">
        <v>446</v>
      </c>
      <c r="Q17" s="38"/>
    </row>
    <row r="18" spans="1:17" ht="18" customHeight="1" x14ac:dyDescent="0.2">
      <c r="A18" s="42" t="s">
        <v>18</v>
      </c>
      <c r="B18" s="63">
        <v>4522</v>
      </c>
      <c r="C18" s="64">
        <v>1270</v>
      </c>
      <c r="D18" s="64">
        <v>683</v>
      </c>
      <c r="E18" s="64">
        <v>356</v>
      </c>
      <c r="F18" s="64">
        <v>251</v>
      </c>
      <c r="G18" s="64">
        <v>75</v>
      </c>
      <c r="H18" s="64">
        <v>51</v>
      </c>
      <c r="I18" s="64">
        <v>231</v>
      </c>
      <c r="J18" s="64">
        <v>43</v>
      </c>
      <c r="K18" s="64">
        <v>243</v>
      </c>
      <c r="L18" s="64">
        <v>109</v>
      </c>
      <c r="M18" s="64">
        <v>75</v>
      </c>
      <c r="N18" s="64">
        <v>167</v>
      </c>
      <c r="O18" s="64">
        <v>32</v>
      </c>
      <c r="P18" s="65">
        <v>936</v>
      </c>
      <c r="Q18" s="38"/>
    </row>
    <row r="19" spans="1:17" ht="18" customHeight="1" x14ac:dyDescent="0.2">
      <c r="A19" s="42" t="s">
        <v>19</v>
      </c>
      <c r="B19" s="63">
        <v>3643</v>
      </c>
      <c r="C19" s="64">
        <v>659</v>
      </c>
      <c r="D19" s="64">
        <v>536</v>
      </c>
      <c r="E19" s="64">
        <v>423</v>
      </c>
      <c r="F19" s="64">
        <v>399</v>
      </c>
      <c r="G19" s="64">
        <v>128</v>
      </c>
      <c r="H19" s="64">
        <v>26</v>
      </c>
      <c r="I19" s="64">
        <v>170</v>
      </c>
      <c r="J19" s="64">
        <v>29</v>
      </c>
      <c r="K19" s="64">
        <v>113</v>
      </c>
      <c r="L19" s="64">
        <v>140</v>
      </c>
      <c r="M19" s="64">
        <v>53</v>
      </c>
      <c r="N19" s="64">
        <v>50</v>
      </c>
      <c r="O19" s="64">
        <v>68</v>
      </c>
      <c r="P19" s="65">
        <v>849</v>
      </c>
      <c r="Q19" s="38"/>
    </row>
    <row r="20" spans="1:17" ht="18" customHeight="1" x14ac:dyDescent="0.2">
      <c r="A20" s="42" t="s">
        <v>20</v>
      </c>
      <c r="B20" s="63">
        <v>4348</v>
      </c>
      <c r="C20" s="64">
        <v>1871</v>
      </c>
      <c r="D20" s="64">
        <v>528</v>
      </c>
      <c r="E20" s="64">
        <v>462</v>
      </c>
      <c r="F20" s="64">
        <v>324</v>
      </c>
      <c r="G20" s="64">
        <v>129</v>
      </c>
      <c r="H20" s="64">
        <v>78</v>
      </c>
      <c r="I20" s="64">
        <v>83</v>
      </c>
      <c r="J20" s="64">
        <v>50</v>
      </c>
      <c r="K20" s="64">
        <v>107</v>
      </c>
      <c r="L20" s="64">
        <v>76</v>
      </c>
      <c r="M20" s="64">
        <v>61</v>
      </c>
      <c r="N20" s="64">
        <v>102</v>
      </c>
      <c r="O20" s="64">
        <v>28</v>
      </c>
      <c r="P20" s="65">
        <v>449</v>
      </c>
      <c r="Q20" s="38"/>
    </row>
    <row r="21" spans="1:17" ht="18" customHeight="1" x14ac:dyDescent="0.2">
      <c r="A21" s="42" t="s">
        <v>21</v>
      </c>
      <c r="B21" s="63">
        <v>1158</v>
      </c>
      <c r="C21" s="64">
        <v>359</v>
      </c>
      <c r="D21" s="64">
        <v>182</v>
      </c>
      <c r="E21" s="64">
        <v>150</v>
      </c>
      <c r="F21" s="64">
        <v>121</v>
      </c>
      <c r="G21" s="64">
        <v>17</v>
      </c>
      <c r="H21" s="64">
        <v>23</v>
      </c>
      <c r="I21" s="64">
        <v>10</v>
      </c>
      <c r="J21" s="64">
        <v>11</v>
      </c>
      <c r="K21" s="64">
        <v>48</v>
      </c>
      <c r="L21" s="64">
        <v>44</v>
      </c>
      <c r="M21" s="64">
        <v>34</v>
      </c>
      <c r="N21" s="64">
        <v>9</v>
      </c>
      <c r="O21" s="64">
        <v>10</v>
      </c>
      <c r="P21" s="65">
        <v>140</v>
      </c>
      <c r="Q21" s="38"/>
    </row>
    <row r="22" spans="1:17" ht="18" customHeight="1" x14ac:dyDescent="0.2">
      <c r="A22" s="42" t="s">
        <v>22</v>
      </c>
      <c r="B22" s="63">
        <v>2529</v>
      </c>
      <c r="C22" s="64">
        <v>849</v>
      </c>
      <c r="D22" s="64">
        <v>142</v>
      </c>
      <c r="E22" s="64">
        <v>767</v>
      </c>
      <c r="F22" s="64">
        <v>181</v>
      </c>
      <c r="G22" s="64">
        <v>52</v>
      </c>
      <c r="H22" s="64">
        <v>16</v>
      </c>
      <c r="I22" s="64">
        <v>4</v>
      </c>
      <c r="J22" s="64">
        <v>29</v>
      </c>
      <c r="K22" s="64">
        <v>38</v>
      </c>
      <c r="L22" s="64">
        <v>31</v>
      </c>
      <c r="M22" s="64">
        <v>48</v>
      </c>
      <c r="N22" s="64">
        <v>34</v>
      </c>
      <c r="O22" s="64">
        <v>16</v>
      </c>
      <c r="P22" s="65">
        <v>322</v>
      </c>
      <c r="Q22" s="38"/>
    </row>
    <row r="23" spans="1:17" ht="18" customHeight="1" x14ac:dyDescent="0.2">
      <c r="A23" s="44" t="s">
        <v>23</v>
      </c>
      <c r="B23" s="66">
        <v>1930</v>
      </c>
      <c r="C23" s="67">
        <v>518</v>
      </c>
      <c r="D23" s="67">
        <v>171</v>
      </c>
      <c r="E23" s="67">
        <v>415</v>
      </c>
      <c r="F23" s="67">
        <v>252</v>
      </c>
      <c r="G23" s="67">
        <v>40</v>
      </c>
      <c r="H23" s="67">
        <v>56</v>
      </c>
      <c r="I23" s="67">
        <v>1</v>
      </c>
      <c r="J23" s="67">
        <v>44</v>
      </c>
      <c r="K23" s="67">
        <v>28</v>
      </c>
      <c r="L23" s="67">
        <v>36</v>
      </c>
      <c r="M23" s="67">
        <v>32</v>
      </c>
      <c r="N23" s="67">
        <v>47</v>
      </c>
      <c r="O23" s="67">
        <v>38</v>
      </c>
      <c r="P23" s="68">
        <v>252</v>
      </c>
      <c r="Q23" s="38"/>
    </row>
    <row r="24" spans="1:17" ht="18" customHeight="1" x14ac:dyDescent="0.2">
      <c r="A24" s="39" t="s">
        <v>24</v>
      </c>
      <c r="B24" s="56">
        <v>45677</v>
      </c>
      <c r="C24" s="59">
        <v>16438</v>
      </c>
      <c r="D24" s="59">
        <v>7693</v>
      </c>
      <c r="E24" s="59">
        <v>4127</v>
      </c>
      <c r="F24" s="59">
        <v>4655</v>
      </c>
      <c r="G24" s="59">
        <v>862</v>
      </c>
      <c r="H24" s="59">
        <v>1502</v>
      </c>
      <c r="I24" s="59">
        <v>1362</v>
      </c>
      <c r="J24" s="59">
        <v>465</v>
      </c>
      <c r="K24" s="59">
        <v>1068</v>
      </c>
      <c r="L24" s="59">
        <v>1217</v>
      </c>
      <c r="M24" s="59">
        <v>688</v>
      </c>
      <c r="N24" s="59">
        <v>613</v>
      </c>
      <c r="O24" s="59">
        <v>248</v>
      </c>
      <c r="P24" s="58">
        <v>4739</v>
      </c>
      <c r="Q24" s="38"/>
    </row>
    <row r="25" spans="1:17" ht="18" customHeight="1" x14ac:dyDescent="0.2">
      <c r="A25" s="40" t="s">
        <v>25</v>
      </c>
      <c r="B25" s="60">
        <v>16847</v>
      </c>
      <c r="C25" s="61">
        <v>6363</v>
      </c>
      <c r="D25" s="61">
        <v>3204</v>
      </c>
      <c r="E25" s="61">
        <v>1946</v>
      </c>
      <c r="F25" s="61">
        <v>1840</v>
      </c>
      <c r="G25" s="61">
        <v>518</v>
      </c>
      <c r="H25" s="61">
        <v>467</v>
      </c>
      <c r="I25" s="61">
        <v>599</v>
      </c>
      <c r="J25" s="61">
        <v>286</v>
      </c>
      <c r="K25" s="61">
        <v>94</v>
      </c>
      <c r="L25" s="61">
        <v>271</v>
      </c>
      <c r="M25" s="61">
        <v>242</v>
      </c>
      <c r="N25" s="61">
        <v>145</v>
      </c>
      <c r="O25" s="61">
        <v>51</v>
      </c>
      <c r="P25" s="62">
        <v>821</v>
      </c>
      <c r="Q25" s="38"/>
    </row>
    <row r="26" spans="1:17" ht="18" customHeight="1" x14ac:dyDescent="0.2">
      <c r="A26" s="42" t="s">
        <v>26</v>
      </c>
      <c r="B26" s="63">
        <v>5661</v>
      </c>
      <c r="C26" s="64">
        <v>2395</v>
      </c>
      <c r="D26" s="64">
        <v>871</v>
      </c>
      <c r="E26" s="64">
        <v>446</v>
      </c>
      <c r="F26" s="64">
        <v>537</v>
      </c>
      <c r="G26" s="64">
        <v>37</v>
      </c>
      <c r="H26" s="64">
        <v>270</v>
      </c>
      <c r="I26" s="64">
        <v>201</v>
      </c>
      <c r="J26" s="64">
        <v>80</v>
      </c>
      <c r="K26" s="64">
        <v>81</v>
      </c>
      <c r="L26" s="64">
        <v>144</v>
      </c>
      <c r="M26" s="64">
        <v>76</v>
      </c>
      <c r="N26" s="64">
        <v>49</v>
      </c>
      <c r="O26" s="64">
        <v>15</v>
      </c>
      <c r="P26" s="65">
        <v>459</v>
      </c>
      <c r="Q26" s="38"/>
    </row>
    <row r="27" spans="1:17" ht="18" customHeight="1" x14ac:dyDescent="0.2">
      <c r="A27" s="42" t="s">
        <v>27</v>
      </c>
      <c r="B27" s="63">
        <v>6147</v>
      </c>
      <c r="C27" s="64">
        <v>2100</v>
      </c>
      <c r="D27" s="64">
        <v>1069</v>
      </c>
      <c r="E27" s="64">
        <v>337</v>
      </c>
      <c r="F27" s="64">
        <v>482</v>
      </c>
      <c r="G27" s="64">
        <v>63</v>
      </c>
      <c r="H27" s="64">
        <v>333</v>
      </c>
      <c r="I27" s="64">
        <v>152</v>
      </c>
      <c r="J27" s="64">
        <v>26</v>
      </c>
      <c r="K27" s="64">
        <v>238</v>
      </c>
      <c r="L27" s="64">
        <v>294</v>
      </c>
      <c r="M27" s="64">
        <v>101</v>
      </c>
      <c r="N27" s="64">
        <v>66</v>
      </c>
      <c r="O27" s="64">
        <v>40</v>
      </c>
      <c r="P27" s="65">
        <v>846</v>
      </c>
      <c r="Q27" s="38"/>
    </row>
    <row r="28" spans="1:17" ht="18" customHeight="1" x14ac:dyDescent="0.2">
      <c r="A28" s="42" t="s">
        <v>28</v>
      </c>
      <c r="B28" s="63">
        <v>5272</v>
      </c>
      <c r="C28" s="64">
        <v>1565</v>
      </c>
      <c r="D28" s="64">
        <v>820</v>
      </c>
      <c r="E28" s="64">
        <v>477</v>
      </c>
      <c r="F28" s="64">
        <v>683</v>
      </c>
      <c r="G28" s="64">
        <v>55</v>
      </c>
      <c r="H28" s="64">
        <v>189</v>
      </c>
      <c r="I28" s="64">
        <v>134</v>
      </c>
      <c r="J28" s="64">
        <v>27</v>
      </c>
      <c r="K28" s="64">
        <v>219</v>
      </c>
      <c r="L28" s="64">
        <v>186</v>
      </c>
      <c r="M28" s="64">
        <v>80</v>
      </c>
      <c r="N28" s="64">
        <v>95</v>
      </c>
      <c r="O28" s="64">
        <v>32</v>
      </c>
      <c r="P28" s="65">
        <v>710</v>
      </c>
      <c r="Q28" s="38"/>
    </row>
    <row r="29" spans="1:17" ht="18" customHeight="1" x14ac:dyDescent="0.2">
      <c r="A29" s="42" t="s">
        <v>29</v>
      </c>
      <c r="B29" s="63">
        <v>3788</v>
      </c>
      <c r="C29" s="64">
        <v>1050</v>
      </c>
      <c r="D29" s="64">
        <v>609</v>
      </c>
      <c r="E29" s="64">
        <v>335</v>
      </c>
      <c r="F29" s="64">
        <v>452</v>
      </c>
      <c r="G29" s="64">
        <v>72</v>
      </c>
      <c r="H29" s="64">
        <v>41</v>
      </c>
      <c r="I29" s="64">
        <v>89</v>
      </c>
      <c r="J29" s="64">
        <v>17</v>
      </c>
      <c r="K29" s="64">
        <v>147</v>
      </c>
      <c r="L29" s="64">
        <v>112</v>
      </c>
      <c r="M29" s="64">
        <v>79</v>
      </c>
      <c r="N29" s="64">
        <v>120</v>
      </c>
      <c r="O29" s="64">
        <v>30</v>
      </c>
      <c r="P29" s="65">
        <v>635</v>
      </c>
      <c r="Q29" s="38"/>
    </row>
    <row r="30" spans="1:17" ht="18" customHeight="1" x14ac:dyDescent="0.2">
      <c r="A30" s="42" t="s">
        <v>30</v>
      </c>
      <c r="B30" s="63">
        <v>5019</v>
      </c>
      <c r="C30" s="64">
        <v>1851</v>
      </c>
      <c r="D30" s="64">
        <v>686</v>
      </c>
      <c r="E30" s="64">
        <v>424</v>
      </c>
      <c r="F30" s="64">
        <v>507</v>
      </c>
      <c r="G30" s="64">
        <v>67</v>
      </c>
      <c r="H30" s="64">
        <v>180</v>
      </c>
      <c r="I30" s="64">
        <v>93</v>
      </c>
      <c r="J30" s="64">
        <v>10</v>
      </c>
      <c r="K30" s="64">
        <v>164</v>
      </c>
      <c r="L30" s="64">
        <v>121</v>
      </c>
      <c r="M30" s="64">
        <v>58</v>
      </c>
      <c r="N30" s="64">
        <v>60</v>
      </c>
      <c r="O30" s="64">
        <v>59</v>
      </c>
      <c r="P30" s="65">
        <v>739</v>
      </c>
      <c r="Q30" s="38"/>
    </row>
    <row r="31" spans="1:17" ht="18" customHeight="1" x14ac:dyDescent="0.2">
      <c r="A31" s="45" t="s">
        <v>31</v>
      </c>
      <c r="B31" s="69">
        <v>2943</v>
      </c>
      <c r="C31" s="70">
        <v>1114</v>
      </c>
      <c r="D31" s="70">
        <v>434</v>
      </c>
      <c r="E31" s="70">
        <v>162</v>
      </c>
      <c r="F31" s="70">
        <v>154</v>
      </c>
      <c r="G31" s="70">
        <v>50</v>
      </c>
      <c r="H31" s="70">
        <v>22</v>
      </c>
      <c r="I31" s="70">
        <v>94</v>
      </c>
      <c r="J31" s="70">
        <v>19</v>
      </c>
      <c r="K31" s="70">
        <v>125</v>
      </c>
      <c r="L31" s="70">
        <v>89</v>
      </c>
      <c r="M31" s="70">
        <v>52</v>
      </c>
      <c r="N31" s="70">
        <v>78</v>
      </c>
      <c r="O31" s="70">
        <v>21</v>
      </c>
      <c r="P31" s="71">
        <v>529</v>
      </c>
      <c r="Q31" s="38"/>
    </row>
    <row r="32" spans="1:17" ht="18" customHeight="1" x14ac:dyDescent="0.2">
      <c r="A32" s="39" t="s">
        <v>32</v>
      </c>
      <c r="B32" s="72">
        <v>15811</v>
      </c>
      <c r="C32" s="59">
        <v>4434</v>
      </c>
      <c r="D32" s="59">
        <v>1699</v>
      </c>
      <c r="E32" s="59">
        <v>2132</v>
      </c>
      <c r="F32" s="59">
        <v>2036</v>
      </c>
      <c r="G32" s="59">
        <v>376</v>
      </c>
      <c r="H32" s="59">
        <v>426</v>
      </c>
      <c r="I32" s="59">
        <v>736</v>
      </c>
      <c r="J32" s="59">
        <v>296</v>
      </c>
      <c r="K32" s="59">
        <v>337</v>
      </c>
      <c r="L32" s="59">
        <v>314</v>
      </c>
      <c r="M32" s="59">
        <v>332</v>
      </c>
      <c r="N32" s="59">
        <v>297</v>
      </c>
      <c r="O32" s="59">
        <v>113</v>
      </c>
      <c r="P32" s="73">
        <v>2283</v>
      </c>
      <c r="Q32" s="38"/>
    </row>
    <row r="33" spans="1:17" ht="18" hidden="1" customHeight="1" x14ac:dyDescent="0.2">
      <c r="A33" s="46" t="s">
        <v>33</v>
      </c>
      <c r="B33" s="74">
        <v>3581</v>
      </c>
      <c r="C33" s="75">
        <v>890</v>
      </c>
      <c r="D33" s="75">
        <v>345</v>
      </c>
      <c r="E33" s="75">
        <v>759</v>
      </c>
      <c r="F33" s="75">
        <v>381</v>
      </c>
      <c r="G33" s="75">
        <v>90</v>
      </c>
      <c r="H33" s="75">
        <v>146</v>
      </c>
      <c r="I33" s="75">
        <v>20</v>
      </c>
      <c r="J33" s="75">
        <v>53</v>
      </c>
      <c r="K33" s="75">
        <v>73</v>
      </c>
      <c r="L33" s="75">
        <v>75</v>
      </c>
      <c r="M33" s="75">
        <v>83</v>
      </c>
      <c r="N33" s="75">
        <v>61</v>
      </c>
      <c r="O33" s="75">
        <v>41</v>
      </c>
      <c r="P33" s="76">
        <v>564</v>
      </c>
      <c r="Q33" s="38"/>
    </row>
    <row r="34" spans="1:17" ht="18" hidden="1" customHeight="1" x14ac:dyDescent="0.2">
      <c r="A34" s="42" t="s">
        <v>34</v>
      </c>
      <c r="B34" s="63">
        <v>6087</v>
      </c>
      <c r="C34" s="64">
        <v>1860</v>
      </c>
      <c r="D34" s="64">
        <v>633</v>
      </c>
      <c r="E34" s="64">
        <v>718</v>
      </c>
      <c r="F34" s="64">
        <v>1058</v>
      </c>
      <c r="G34" s="64">
        <v>176</v>
      </c>
      <c r="H34" s="64">
        <v>116</v>
      </c>
      <c r="I34" s="64">
        <v>89</v>
      </c>
      <c r="J34" s="64">
        <v>152</v>
      </c>
      <c r="K34" s="64">
        <v>103</v>
      </c>
      <c r="L34" s="64">
        <v>105</v>
      </c>
      <c r="M34" s="64">
        <v>140</v>
      </c>
      <c r="N34" s="64">
        <v>90</v>
      </c>
      <c r="O34" s="64">
        <v>25</v>
      </c>
      <c r="P34" s="65">
        <v>822</v>
      </c>
      <c r="Q34" s="38"/>
    </row>
    <row r="35" spans="1:17" ht="18" hidden="1" customHeight="1" x14ac:dyDescent="0.2">
      <c r="A35" s="45" t="s">
        <v>35</v>
      </c>
      <c r="B35" s="69">
        <v>6143</v>
      </c>
      <c r="C35" s="70">
        <v>1684</v>
      </c>
      <c r="D35" s="70">
        <v>721</v>
      </c>
      <c r="E35" s="70">
        <v>655</v>
      </c>
      <c r="F35" s="70">
        <v>597</v>
      </c>
      <c r="G35" s="70">
        <v>110</v>
      </c>
      <c r="H35" s="70">
        <v>164</v>
      </c>
      <c r="I35" s="70">
        <v>627</v>
      </c>
      <c r="J35" s="70">
        <v>91</v>
      </c>
      <c r="K35" s="70">
        <v>161</v>
      </c>
      <c r="L35" s="70">
        <v>134</v>
      </c>
      <c r="M35" s="70">
        <v>109</v>
      </c>
      <c r="N35" s="70">
        <v>146</v>
      </c>
      <c r="O35" s="70">
        <v>47</v>
      </c>
      <c r="P35" s="71">
        <v>897</v>
      </c>
      <c r="Q35" s="38"/>
    </row>
    <row r="36" spans="1:17" ht="18" customHeight="1" x14ac:dyDescent="0.2">
      <c r="A36" s="39" t="s">
        <v>36</v>
      </c>
      <c r="B36" s="72">
        <v>5958</v>
      </c>
      <c r="C36" s="59">
        <v>773</v>
      </c>
      <c r="D36" s="59">
        <v>762</v>
      </c>
      <c r="E36" s="59">
        <v>551</v>
      </c>
      <c r="F36" s="59">
        <v>1612</v>
      </c>
      <c r="G36" s="59">
        <v>214</v>
      </c>
      <c r="H36" s="59">
        <v>234</v>
      </c>
      <c r="I36" s="59">
        <v>32</v>
      </c>
      <c r="J36" s="59">
        <v>291</v>
      </c>
      <c r="K36" s="59">
        <v>449</v>
      </c>
      <c r="L36" s="59">
        <v>167</v>
      </c>
      <c r="M36" s="59">
        <v>104</v>
      </c>
      <c r="N36" s="59">
        <v>150</v>
      </c>
      <c r="O36" s="59">
        <v>18</v>
      </c>
      <c r="P36" s="73">
        <v>601</v>
      </c>
      <c r="Q36" s="38"/>
    </row>
    <row r="37" spans="1:17" ht="18" customHeight="1" x14ac:dyDescent="0.2">
      <c r="A37" s="39" t="s">
        <v>37</v>
      </c>
      <c r="B37" s="56">
        <v>5237</v>
      </c>
      <c r="C37" s="61">
        <v>993</v>
      </c>
      <c r="D37" s="61">
        <v>403</v>
      </c>
      <c r="E37" s="61">
        <v>585</v>
      </c>
      <c r="F37" s="61">
        <v>819</v>
      </c>
      <c r="G37" s="61">
        <v>656</v>
      </c>
      <c r="H37" s="61">
        <v>74</v>
      </c>
      <c r="I37" s="61">
        <v>25</v>
      </c>
      <c r="J37" s="61">
        <v>180</v>
      </c>
      <c r="K37" s="61">
        <v>75</v>
      </c>
      <c r="L37" s="61">
        <v>72</v>
      </c>
      <c r="M37" s="61">
        <v>98</v>
      </c>
      <c r="N37" s="61">
        <v>112</v>
      </c>
      <c r="O37" s="61">
        <v>18</v>
      </c>
      <c r="P37" s="58">
        <v>1127</v>
      </c>
      <c r="Q37" s="38"/>
    </row>
    <row r="38" spans="1:17" ht="18" customHeight="1" x14ac:dyDescent="0.2">
      <c r="A38" s="39" t="s">
        <v>38</v>
      </c>
      <c r="B38" s="56">
        <v>1510</v>
      </c>
      <c r="C38" s="61">
        <v>259</v>
      </c>
      <c r="D38" s="61">
        <v>292</v>
      </c>
      <c r="E38" s="61">
        <v>70</v>
      </c>
      <c r="F38" s="61">
        <v>88</v>
      </c>
      <c r="G38" s="61">
        <v>29</v>
      </c>
      <c r="H38" s="61">
        <v>38</v>
      </c>
      <c r="I38" s="61">
        <v>17</v>
      </c>
      <c r="J38" s="61">
        <v>5</v>
      </c>
      <c r="K38" s="61">
        <v>158</v>
      </c>
      <c r="L38" s="61">
        <v>61</v>
      </c>
      <c r="M38" s="61">
        <v>48</v>
      </c>
      <c r="N38" s="61">
        <v>43</v>
      </c>
      <c r="O38" s="61">
        <v>13</v>
      </c>
      <c r="P38" s="58">
        <v>389</v>
      </c>
      <c r="Q38" s="38"/>
    </row>
    <row r="39" spans="1:17" ht="18" customHeight="1" x14ac:dyDescent="0.2">
      <c r="A39" s="39" t="s">
        <v>39</v>
      </c>
      <c r="B39" s="56">
        <v>6625</v>
      </c>
      <c r="C39" s="61">
        <v>1256</v>
      </c>
      <c r="D39" s="61">
        <v>795</v>
      </c>
      <c r="E39" s="61">
        <v>705</v>
      </c>
      <c r="F39" s="61">
        <v>425</v>
      </c>
      <c r="G39" s="61">
        <v>582</v>
      </c>
      <c r="H39" s="61">
        <v>79</v>
      </c>
      <c r="I39" s="61">
        <v>56</v>
      </c>
      <c r="J39" s="61">
        <v>509</v>
      </c>
      <c r="K39" s="61">
        <v>200</v>
      </c>
      <c r="L39" s="61">
        <v>129</v>
      </c>
      <c r="M39" s="61">
        <v>158</v>
      </c>
      <c r="N39" s="61">
        <v>273</v>
      </c>
      <c r="O39" s="61">
        <v>512</v>
      </c>
      <c r="P39" s="58">
        <v>946</v>
      </c>
      <c r="Q39" s="38"/>
    </row>
    <row r="40" spans="1:17" ht="18" customHeight="1" x14ac:dyDescent="0.2">
      <c r="A40" s="39" t="s">
        <v>40</v>
      </c>
      <c r="B40" s="56">
        <v>2587</v>
      </c>
      <c r="C40" s="61">
        <v>447</v>
      </c>
      <c r="D40" s="61">
        <v>310</v>
      </c>
      <c r="E40" s="61">
        <v>463</v>
      </c>
      <c r="F40" s="61">
        <v>555</v>
      </c>
      <c r="G40" s="61">
        <v>127</v>
      </c>
      <c r="H40" s="61">
        <v>109</v>
      </c>
      <c r="I40" s="61">
        <v>20</v>
      </c>
      <c r="J40" s="61">
        <v>59</v>
      </c>
      <c r="K40" s="61">
        <v>43</v>
      </c>
      <c r="L40" s="61">
        <v>41</v>
      </c>
      <c r="M40" s="61">
        <v>51</v>
      </c>
      <c r="N40" s="61">
        <v>121</v>
      </c>
      <c r="O40" s="61">
        <v>25</v>
      </c>
      <c r="P40" s="58">
        <v>216</v>
      </c>
      <c r="Q40" s="38"/>
    </row>
    <row r="41" spans="1:17" ht="18" customHeight="1" x14ac:dyDescent="0.2">
      <c r="A41" s="39" t="s">
        <v>41</v>
      </c>
      <c r="B41" s="56">
        <v>2002</v>
      </c>
      <c r="C41" s="61">
        <v>422</v>
      </c>
      <c r="D41" s="61">
        <v>318</v>
      </c>
      <c r="E41" s="61">
        <v>167</v>
      </c>
      <c r="F41" s="61">
        <v>236</v>
      </c>
      <c r="G41" s="61">
        <v>93</v>
      </c>
      <c r="H41" s="61">
        <v>48</v>
      </c>
      <c r="I41" s="61">
        <v>35</v>
      </c>
      <c r="J41" s="61">
        <v>26</v>
      </c>
      <c r="K41" s="61">
        <v>110</v>
      </c>
      <c r="L41" s="61">
        <v>69</v>
      </c>
      <c r="M41" s="61">
        <v>85</v>
      </c>
      <c r="N41" s="61">
        <v>57</v>
      </c>
      <c r="O41" s="61">
        <v>28</v>
      </c>
      <c r="P41" s="58">
        <v>308</v>
      </c>
      <c r="Q41" s="38"/>
    </row>
    <row r="42" spans="1:17" ht="18" customHeight="1" x14ac:dyDescent="0.2">
      <c r="A42" s="39" t="s">
        <v>42</v>
      </c>
      <c r="B42" s="56">
        <v>523</v>
      </c>
      <c r="C42" s="61">
        <v>69</v>
      </c>
      <c r="D42" s="61">
        <v>119</v>
      </c>
      <c r="E42" s="61">
        <v>13</v>
      </c>
      <c r="F42" s="61">
        <v>49</v>
      </c>
      <c r="G42" s="61">
        <v>0</v>
      </c>
      <c r="H42" s="61">
        <v>22</v>
      </c>
      <c r="I42" s="61">
        <v>6</v>
      </c>
      <c r="J42" s="61">
        <v>3</v>
      </c>
      <c r="K42" s="61">
        <v>83</v>
      </c>
      <c r="L42" s="61">
        <v>15</v>
      </c>
      <c r="M42" s="61">
        <v>14</v>
      </c>
      <c r="N42" s="61">
        <v>1</v>
      </c>
      <c r="O42" s="61">
        <v>0</v>
      </c>
      <c r="P42" s="58">
        <v>129</v>
      </c>
      <c r="Q42" s="38"/>
    </row>
    <row r="43" spans="1:17" ht="18" customHeight="1" x14ac:dyDescent="0.2">
      <c r="A43" s="39" t="s">
        <v>43</v>
      </c>
      <c r="B43" s="56">
        <v>321</v>
      </c>
      <c r="C43" s="61">
        <v>29</v>
      </c>
      <c r="D43" s="61">
        <v>33</v>
      </c>
      <c r="E43" s="61">
        <v>86</v>
      </c>
      <c r="F43" s="61">
        <v>54</v>
      </c>
      <c r="G43" s="61">
        <v>9</v>
      </c>
      <c r="H43" s="61">
        <v>6</v>
      </c>
      <c r="I43" s="61">
        <v>1</v>
      </c>
      <c r="J43" s="61">
        <v>1</v>
      </c>
      <c r="K43" s="61">
        <v>23</v>
      </c>
      <c r="L43" s="61">
        <v>8</v>
      </c>
      <c r="M43" s="61">
        <v>9</v>
      </c>
      <c r="N43" s="61">
        <v>19</v>
      </c>
      <c r="O43" s="61">
        <v>0</v>
      </c>
      <c r="P43" s="58">
        <v>43</v>
      </c>
      <c r="Q43" s="38"/>
    </row>
    <row r="44" spans="1:17" ht="18" customHeight="1" x14ac:dyDescent="0.2">
      <c r="A44" s="39" t="s">
        <v>44</v>
      </c>
      <c r="B44" s="56">
        <v>3783</v>
      </c>
      <c r="C44" s="61">
        <v>748</v>
      </c>
      <c r="D44" s="61">
        <v>224</v>
      </c>
      <c r="E44" s="61">
        <v>552</v>
      </c>
      <c r="F44" s="61">
        <v>212</v>
      </c>
      <c r="G44" s="61">
        <v>505</v>
      </c>
      <c r="H44" s="61">
        <v>95</v>
      </c>
      <c r="I44" s="61">
        <v>37</v>
      </c>
      <c r="J44" s="61">
        <v>374</v>
      </c>
      <c r="K44" s="61">
        <v>35</v>
      </c>
      <c r="L44" s="61">
        <v>61</v>
      </c>
      <c r="M44" s="61">
        <v>104</v>
      </c>
      <c r="N44" s="61">
        <v>92</v>
      </c>
      <c r="O44" s="61">
        <v>15</v>
      </c>
      <c r="P44" s="58">
        <v>729</v>
      </c>
      <c r="Q44" s="38"/>
    </row>
    <row r="45" spans="1:17" ht="18" customHeight="1" x14ac:dyDescent="0.2">
      <c r="A45" s="39" t="s">
        <v>45</v>
      </c>
      <c r="B45" s="56">
        <v>7743</v>
      </c>
      <c r="C45" s="61">
        <v>1265</v>
      </c>
      <c r="D45" s="61">
        <v>467</v>
      </c>
      <c r="E45" s="61">
        <v>1770</v>
      </c>
      <c r="F45" s="61">
        <v>796</v>
      </c>
      <c r="G45" s="61">
        <v>431</v>
      </c>
      <c r="H45" s="61">
        <v>69</v>
      </c>
      <c r="I45" s="61">
        <v>305</v>
      </c>
      <c r="J45" s="61">
        <v>674</v>
      </c>
      <c r="K45" s="61">
        <v>61</v>
      </c>
      <c r="L45" s="61">
        <v>111</v>
      </c>
      <c r="M45" s="61">
        <v>173</v>
      </c>
      <c r="N45" s="61">
        <v>128</v>
      </c>
      <c r="O45" s="61">
        <v>458</v>
      </c>
      <c r="P45" s="58">
        <v>1035</v>
      </c>
      <c r="Q45" s="38"/>
    </row>
    <row r="46" spans="1:17" ht="18" customHeight="1" x14ac:dyDescent="0.2">
      <c r="A46" s="39" t="s">
        <v>46</v>
      </c>
      <c r="B46" s="56">
        <v>7108</v>
      </c>
      <c r="C46" s="61">
        <v>1517</v>
      </c>
      <c r="D46" s="61">
        <v>736</v>
      </c>
      <c r="E46" s="61">
        <v>994</v>
      </c>
      <c r="F46" s="61">
        <v>878</v>
      </c>
      <c r="G46" s="61">
        <v>315</v>
      </c>
      <c r="H46" s="61">
        <v>169</v>
      </c>
      <c r="I46" s="61">
        <v>98</v>
      </c>
      <c r="J46" s="61">
        <v>727</v>
      </c>
      <c r="K46" s="61">
        <v>110</v>
      </c>
      <c r="L46" s="61">
        <v>137</v>
      </c>
      <c r="M46" s="61">
        <v>237</v>
      </c>
      <c r="N46" s="61">
        <v>103</v>
      </c>
      <c r="O46" s="61">
        <v>101</v>
      </c>
      <c r="P46" s="58">
        <v>986</v>
      </c>
      <c r="Q46" s="38"/>
    </row>
    <row r="47" spans="1:17" ht="18" customHeight="1" x14ac:dyDescent="0.2">
      <c r="A47" s="39" t="s">
        <v>47</v>
      </c>
      <c r="B47" s="56">
        <v>2678</v>
      </c>
      <c r="C47" s="61">
        <v>437</v>
      </c>
      <c r="D47" s="61">
        <v>133</v>
      </c>
      <c r="E47" s="61">
        <v>910</v>
      </c>
      <c r="F47" s="61">
        <v>291</v>
      </c>
      <c r="G47" s="61">
        <v>212</v>
      </c>
      <c r="H47" s="61">
        <v>51</v>
      </c>
      <c r="I47" s="61">
        <v>69</v>
      </c>
      <c r="J47" s="61">
        <v>74</v>
      </c>
      <c r="K47" s="61">
        <v>17</v>
      </c>
      <c r="L47" s="61">
        <v>49</v>
      </c>
      <c r="M47" s="61">
        <v>46</v>
      </c>
      <c r="N47" s="61">
        <v>77</v>
      </c>
      <c r="O47" s="61">
        <v>13</v>
      </c>
      <c r="P47" s="58">
        <v>299</v>
      </c>
      <c r="Q47" s="38"/>
    </row>
    <row r="48" spans="1:17" ht="18" customHeight="1" x14ac:dyDescent="0.2">
      <c r="A48" s="39" t="s">
        <v>48</v>
      </c>
      <c r="B48" s="56">
        <v>2646</v>
      </c>
      <c r="C48" s="61">
        <v>473</v>
      </c>
      <c r="D48" s="61">
        <v>230</v>
      </c>
      <c r="E48" s="61">
        <v>342</v>
      </c>
      <c r="F48" s="61">
        <v>227</v>
      </c>
      <c r="G48" s="61">
        <v>147</v>
      </c>
      <c r="H48" s="61">
        <v>46</v>
      </c>
      <c r="I48" s="61">
        <v>231</v>
      </c>
      <c r="J48" s="61">
        <v>114</v>
      </c>
      <c r="K48" s="61">
        <v>63</v>
      </c>
      <c r="L48" s="61">
        <v>38</v>
      </c>
      <c r="M48" s="61">
        <v>96</v>
      </c>
      <c r="N48" s="61">
        <v>47</v>
      </c>
      <c r="O48" s="61">
        <v>209</v>
      </c>
      <c r="P48" s="58">
        <v>383</v>
      </c>
      <c r="Q48" s="38"/>
    </row>
    <row r="49" spans="1:17" ht="18" customHeight="1" x14ac:dyDescent="0.2">
      <c r="A49" s="39" t="s">
        <v>49</v>
      </c>
      <c r="B49" s="56">
        <v>3199</v>
      </c>
      <c r="C49" s="61">
        <v>732</v>
      </c>
      <c r="D49" s="61">
        <v>301</v>
      </c>
      <c r="E49" s="61">
        <v>421</v>
      </c>
      <c r="F49" s="61">
        <v>527</v>
      </c>
      <c r="G49" s="61">
        <v>162</v>
      </c>
      <c r="H49" s="61">
        <v>18</v>
      </c>
      <c r="I49" s="61">
        <v>37</v>
      </c>
      <c r="J49" s="61">
        <v>142</v>
      </c>
      <c r="K49" s="61">
        <v>87</v>
      </c>
      <c r="L49" s="61">
        <v>49</v>
      </c>
      <c r="M49" s="61">
        <v>91</v>
      </c>
      <c r="N49" s="61">
        <v>61</v>
      </c>
      <c r="O49" s="61">
        <v>126</v>
      </c>
      <c r="P49" s="58">
        <v>445</v>
      </c>
      <c r="Q49" s="38"/>
    </row>
    <row r="50" spans="1:17" ht="18" customHeight="1" x14ac:dyDescent="0.2">
      <c r="A50" s="39" t="s">
        <v>50</v>
      </c>
      <c r="B50" s="56">
        <v>476</v>
      </c>
      <c r="C50" s="61">
        <v>188</v>
      </c>
      <c r="D50" s="61">
        <v>37</v>
      </c>
      <c r="E50" s="61">
        <v>35</v>
      </c>
      <c r="F50" s="61">
        <v>51</v>
      </c>
      <c r="G50" s="61">
        <v>81</v>
      </c>
      <c r="H50" s="61">
        <v>9</v>
      </c>
      <c r="I50" s="61">
        <v>2</v>
      </c>
      <c r="J50" s="61">
        <v>2</v>
      </c>
      <c r="K50" s="61">
        <v>2</v>
      </c>
      <c r="L50" s="61">
        <v>4</v>
      </c>
      <c r="M50" s="61">
        <v>7</v>
      </c>
      <c r="N50" s="61">
        <v>0</v>
      </c>
      <c r="O50" s="61">
        <v>8</v>
      </c>
      <c r="P50" s="58">
        <v>50</v>
      </c>
      <c r="Q50" s="38"/>
    </row>
    <row r="51" spans="1:17" ht="18" customHeight="1" x14ac:dyDescent="0.2">
      <c r="A51" s="39" t="s">
        <v>51</v>
      </c>
      <c r="B51" s="56">
        <v>4068</v>
      </c>
      <c r="C51" s="61">
        <v>273</v>
      </c>
      <c r="D51" s="61">
        <v>166</v>
      </c>
      <c r="E51" s="61">
        <v>969</v>
      </c>
      <c r="F51" s="61">
        <v>252</v>
      </c>
      <c r="G51" s="61">
        <v>602</v>
      </c>
      <c r="H51" s="61">
        <v>8</v>
      </c>
      <c r="I51" s="61">
        <v>5</v>
      </c>
      <c r="J51" s="61">
        <v>209</v>
      </c>
      <c r="K51" s="61">
        <v>35</v>
      </c>
      <c r="L51" s="61">
        <v>26</v>
      </c>
      <c r="M51" s="61">
        <v>208</v>
      </c>
      <c r="N51" s="61">
        <v>96</v>
      </c>
      <c r="O51" s="61">
        <v>566</v>
      </c>
      <c r="P51" s="58">
        <v>653</v>
      </c>
      <c r="Q51" s="38"/>
    </row>
    <row r="52" spans="1:17" ht="18" customHeight="1" x14ac:dyDescent="0.2">
      <c r="A52" s="39" t="s">
        <v>52</v>
      </c>
      <c r="B52" s="56">
        <v>237</v>
      </c>
      <c r="C52" s="61">
        <v>9</v>
      </c>
      <c r="D52" s="61">
        <v>38</v>
      </c>
      <c r="E52" s="61">
        <v>5</v>
      </c>
      <c r="F52" s="61">
        <v>15</v>
      </c>
      <c r="G52" s="61">
        <v>4</v>
      </c>
      <c r="H52" s="61">
        <v>8</v>
      </c>
      <c r="I52" s="61">
        <v>3</v>
      </c>
      <c r="J52" s="61">
        <v>2</v>
      </c>
      <c r="K52" s="61">
        <v>48</v>
      </c>
      <c r="L52" s="61">
        <v>2</v>
      </c>
      <c r="M52" s="61">
        <v>6</v>
      </c>
      <c r="N52" s="61">
        <v>4</v>
      </c>
      <c r="O52" s="61">
        <v>0</v>
      </c>
      <c r="P52" s="58">
        <v>93</v>
      </c>
      <c r="Q52" s="38"/>
    </row>
    <row r="53" spans="1:17" ht="18" customHeight="1" x14ac:dyDescent="0.2">
      <c r="A53" s="39" t="s">
        <v>53</v>
      </c>
      <c r="B53" s="56">
        <v>880</v>
      </c>
      <c r="C53" s="61">
        <v>73</v>
      </c>
      <c r="D53" s="61">
        <v>56</v>
      </c>
      <c r="E53" s="61">
        <v>216</v>
      </c>
      <c r="F53" s="61">
        <v>110</v>
      </c>
      <c r="G53" s="61">
        <v>101</v>
      </c>
      <c r="H53" s="61">
        <v>7</v>
      </c>
      <c r="I53" s="61">
        <v>5</v>
      </c>
      <c r="J53" s="61">
        <v>42</v>
      </c>
      <c r="K53" s="61">
        <v>13</v>
      </c>
      <c r="L53" s="61">
        <v>15</v>
      </c>
      <c r="M53" s="61">
        <v>26</v>
      </c>
      <c r="N53" s="61">
        <v>36</v>
      </c>
      <c r="O53" s="61">
        <v>62</v>
      </c>
      <c r="P53" s="58">
        <v>118</v>
      </c>
      <c r="Q53" s="38"/>
    </row>
    <row r="54" spans="1:17" ht="18" customHeight="1" x14ac:dyDescent="0.2">
      <c r="A54" s="39" t="s">
        <v>54</v>
      </c>
      <c r="B54" s="56">
        <v>194</v>
      </c>
      <c r="C54" s="61">
        <v>35</v>
      </c>
      <c r="D54" s="61">
        <v>18</v>
      </c>
      <c r="E54" s="61">
        <v>9</v>
      </c>
      <c r="F54" s="61">
        <v>33</v>
      </c>
      <c r="G54" s="61">
        <v>2</v>
      </c>
      <c r="H54" s="61">
        <v>1</v>
      </c>
      <c r="I54" s="61">
        <v>0</v>
      </c>
      <c r="J54" s="61">
        <v>1</v>
      </c>
      <c r="K54" s="61">
        <v>21</v>
      </c>
      <c r="L54" s="61">
        <v>6</v>
      </c>
      <c r="M54" s="61">
        <v>5</v>
      </c>
      <c r="N54" s="61">
        <v>2</v>
      </c>
      <c r="O54" s="61">
        <v>0</v>
      </c>
      <c r="P54" s="58">
        <v>61</v>
      </c>
      <c r="Q54" s="38"/>
    </row>
    <row r="55" spans="1:17" ht="18" customHeight="1" x14ac:dyDescent="0.2">
      <c r="A55" s="39" t="s">
        <v>55</v>
      </c>
      <c r="B55" s="56">
        <v>246</v>
      </c>
      <c r="C55" s="61">
        <v>32</v>
      </c>
      <c r="D55" s="61">
        <v>14</v>
      </c>
      <c r="E55" s="61">
        <v>13</v>
      </c>
      <c r="F55" s="61">
        <v>27</v>
      </c>
      <c r="G55" s="61">
        <v>25</v>
      </c>
      <c r="H55" s="61">
        <v>15</v>
      </c>
      <c r="I55" s="61">
        <v>3</v>
      </c>
      <c r="J55" s="61">
        <v>10</v>
      </c>
      <c r="K55" s="61">
        <v>10</v>
      </c>
      <c r="L55" s="61">
        <v>6</v>
      </c>
      <c r="M55" s="61">
        <v>6</v>
      </c>
      <c r="N55" s="61">
        <v>5</v>
      </c>
      <c r="O55" s="61">
        <v>0</v>
      </c>
      <c r="P55" s="58">
        <v>80</v>
      </c>
      <c r="Q55" s="38"/>
    </row>
    <row r="56" spans="1:17" ht="18" customHeight="1" x14ac:dyDescent="0.2">
      <c r="A56" s="39" t="s">
        <v>56</v>
      </c>
      <c r="B56" s="56">
        <v>330</v>
      </c>
      <c r="C56" s="61">
        <v>25</v>
      </c>
      <c r="D56" s="61">
        <v>6</v>
      </c>
      <c r="E56" s="61">
        <v>39</v>
      </c>
      <c r="F56" s="61">
        <v>198</v>
      </c>
      <c r="G56" s="61">
        <v>28</v>
      </c>
      <c r="H56" s="61">
        <v>0</v>
      </c>
      <c r="I56" s="61">
        <v>0</v>
      </c>
      <c r="J56" s="61">
        <v>24</v>
      </c>
      <c r="K56" s="61">
        <v>1</v>
      </c>
      <c r="L56" s="61">
        <v>0</v>
      </c>
      <c r="M56" s="61">
        <v>2</v>
      </c>
      <c r="N56" s="61">
        <v>0</v>
      </c>
      <c r="O56" s="61">
        <v>0</v>
      </c>
      <c r="P56" s="58">
        <v>7</v>
      </c>
      <c r="Q56" s="38"/>
    </row>
    <row r="57" spans="1:17" ht="18" customHeight="1" x14ac:dyDescent="0.2">
      <c r="A57" s="39" t="s">
        <v>57</v>
      </c>
      <c r="B57" s="56">
        <v>124</v>
      </c>
      <c r="C57" s="61">
        <v>51</v>
      </c>
      <c r="D57" s="61">
        <v>13</v>
      </c>
      <c r="E57" s="61">
        <v>22</v>
      </c>
      <c r="F57" s="61">
        <v>9</v>
      </c>
      <c r="G57" s="61">
        <v>6</v>
      </c>
      <c r="H57" s="61">
        <v>1</v>
      </c>
      <c r="I57" s="61">
        <v>0</v>
      </c>
      <c r="J57" s="61">
        <v>0</v>
      </c>
      <c r="K57" s="61">
        <v>3</v>
      </c>
      <c r="L57" s="61">
        <v>3</v>
      </c>
      <c r="M57" s="61">
        <v>2</v>
      </c>
      <c r="N57" s="61">
        <v>1</v>
      </c>
      <c r="O57" s="61">
        <v>0</v>
      </c>
      <c r="P57" s="58">
        <v>13</v>
      </c>
      <c r="Q57" s="38"/>
    </row>
    <row r="58" spans="1:17" ht="18" customHeight="1" x14ac:dyDescent="0.2">
      <c r="A58" s="39" t="s">
        <v>58</v>
      </c>
      <c r="B58" s="56">
        <v>151</v>
      </c>
      <c r="C58" s="61">
        <v>52</v>
      </c>
      <c r="D58" s="61">
        <v>8</v>
      </c>
      <c r="E58" s="61">
        <v>26</v>
      </c>
      <c r="F58" s="61">
        <v>26</v>
      </c>
      <c r="G58" s="61">
        <v>7</v>
      </c>
      <c r="H58" s="61">
        <v>15</v>
      </c>
      <c r="I58" s="61">
        <v>1</v>
      </c>
      <c r="J58" s="61">
        <v>0</v>
      </c>
      <c r="K58" s="61">
        <v>2</v>
      </c>
      <c r="L58" s="61">
        <v>0</v>
      </c>
      <c r="M58" s="61">
        <v>2</v>
      </c>
      <c r="N58" s="61">
        <v>1</v>
      </c>
      <c r="O58" s="61">
        <v>0</v>
      </c>
      <c r="P58" s="58">
        <v>11</v>
      </c>
      <c r="Q58" s="38"/>
    </row>
    <row r="59" spans="1:17" ht="18" customHeight="1" x14ac:dyDescent="0.2">
      <c r="A59" s="39" t="s">
        <v>59</v>
      </c>
      <c r="B59" s="56">
        <v>79</v>
      </c>
      <c r="C59" s="61">
        <v>26</v>
      </c>
      <c r="D59" s="61">
        <v>7</v>
      </c>
      <c r="E59" s="61">
        <v>16</v>
      </c>
      <c r="F59" s="61">
        <v>12</v>
      </c>
      <c r="G59" s="61">
        <v>1</v>
      </c>
      <c r="H59" s="61">
        <v>0</v>
      </c>
      <c r="I59" s="61">
        <v>0</v>
      </c>
      <c r="J59" s="61">
        <v>0</v>
      </c>
      <c r="K59" s="61">
        <v>0</v>
      </c>
      <c r="L59" s="61">
        <v>0</v>
      </c>
      <c r="M59" s="61">
        <v>5</v>
      </c>
      <c r="N59" s="61">
        <v>1</v>
      </c>
      <c r="O59" s="61">
        <v>4</v>
      </c>
      <c r="P59" s="58">
        <v>7</v>
      </c>
      <c r="Q59" s="38"/>
    </row>
    <row r="60" spans="1:17" ht="18" customHeight="1" x14ac:dyDescent="0.2">
      <c r="A60" s="39" t="s">
        <v>60</v>
      </c>
      <c r="B60" s="56">
        <v>138</v>
      </c>
      <c r="C60" s="61">
        <v>34</v>
      </c>
      <c r="D60" s="61">
        <v>14</v>
      </c>
      <c r="E60" s="61">
        <v>21</v>
      </c>
      <c r="F60" s="61">
        <v>14</v>
      </c>
      <c r="G60" s="61">
        <v>21</v>
      </c>
      <c r="H60" s="61">
        <v>7</v>
      </c>
      <c r="I60" s="61">
        <v>0</v>
      </c>
      <c r="J60" s="61">
        <v>7</v>
      </c>
      <c r="K60" s="61">
        <v>5</v>
      </c>
      <c r="L60" s="61">
        <v>0</v>
      </c>
      <c r="M60" s="61">
        <v>3</v>
      </c>
      <c r="N60" s="61">
        <v>2</v>
      </c>
      <c r="O60" s="61">
        <v>0</v>
      </c>
      <c r="P60" s="58">
        <v>10</v>
      </c>
      <c r="Q60" s="38"/>
    </row>
    <row r="61" spans="1:17" ht="18" customHeight="1" x14ac:dyDescent="0.2">
      <c r="A61" s="39" t="s">
        <v>61</v>
      </c>
      <c r="B61" s="56">
        <v>608</v>
      </c>
      <c r="C61" s="61">
        <v>99</v>
      </c>
      <c r="D61" s="61">
        <v>57</v>
      </c>
      <c r="E61" s="61">
        <v>97</v>
      </c>
      <c r="F61" s="61">
        <v>16</v>
      </c>
      <c r="G61" s="61">
        <v>10</v>
      </c>
      <c r="H61" s="61">
        <v>116</v>
      </c>
      <c r="I61" s="61">
        <v>4</v>
      </c>
      <c r="J61" s="61">
        <v>1</v>
      </c>
      <c r="K61" s="61">
        <v>5</v>
      </c>
      <c r="L61" s="61">
        <v>129</v>
      </c>
      <c r="M61" s="61">
        <v>5</v>
      </c>
      <c r="N61" s="61">
        <v>13</v>
      </c>
      <c r="O61" s="61">
        <v>3</v>
      </c>
      <c r="P61" s="58">
        <v>53</v>
      </c>
      <c r="Q61" s="38"/>
    </row>
    <row r="62" spans="1:17" ht="18" customHeight="1" x14ac:dyDescent="0.2">
      <c r="A62" s="39" t="s">
        <v>62</v>
      </c>
      <c r="B62" s="56">
        <v>59</v>
      </c>
      <c r="C62" s="61">
        <v>20</v>
      </c>
      <c r="D62" s="61">
        <v>14</v>
      </c>
      <c r="E62" s="61">
        <v>0</v>
      </c>
      <c r="F62" s="61">
        <v>11</v>
      </c>
      <c r="G62" s="61">
        <v>2</v>
      </c>
      <c r="H62" s="61">
        <v>1</v>
      </c>
      <c r="I62" s="61">
        <v>0</v>
      </c>
      <c r="J62" s="61">
        <v>0</v>
      </c>
      <c r="K62" s="61">
        <v>3</v>
      </c>
      <c r="L62" s="61">
        <v>0</v>
      </c>
      <c r="M62" s="61">
        <v>0</v>
      </c>
      <c r="N62" s="61">
        <v>0</v>
      </c>
      <c r="O62" s="61">
        <v>0</v>
      </c>
      <c r="P62" s="58">
        <v>8</v>
      </c>
      <c r="Q62" s="38"/>
    </row>
    <row r="63" spans="1:17" ht="18" customHeight="1" x14ac:dyDescent="0.2">
      <c r="A63" s="39" t="s">
        <v>63</v>
      </c>
      <c r="B63" s="56">
        <v>347</v>
      </c>
      <c r="C63" s="61">
        <v>42</v>
      </c>
      <c r="D63" s="61">
        <v>68</v>
      </c>
      <c r="E63" s="61">
        <v>45</v>
      </c>
      <c r="F63" s="61">
        <v>63</v>
      </c>
      <c r="G63" s="61">
        <v>7</v>
      </c>
      <c r="H63" s="61">
        <v>12</v>
      </c>
      <c r="I63" s="61">
        <v>3</v>
      </c>
      <c r="J63" s="61">
        <v>48</v>
      </c>
      <c r="K63" s="61">
        <v>9</v>
      </c>
      <c r="L63" s="61">
        <v>7</v>
      </c>
      <c r="M63" s="61">
        <v>9</v>
      </c>
      <c r="N63" s="61">
        <v>0</v>
      </c>
      <c r="O63" s="61">
        <v>1</v>
      </c>
      <c r="P63" s="58">
        <v>33</v>
      </c>
      <c r="Q63" s="38"/>
    </row>
    <row r="64" spans="1:17" ht="18" customHeight="1" x14ac:dyDescent="0.2">
      <c r="A64" s="39" t="s">
        <v>64</v>
      </c>
      <c r="B64" s="56">
        <v>2865</v>
      </c>
      <c r="C64" s="61">
        <v>183</v>
      </c>
      <c r="D64" s="61">
        <v>32</v>
      </c>
      <c r="E64" s="61">
        <v>270</v>
      </c>
      <c r="F64" s="61">
        <v>362</v>
      </c>
      <c r="G64" s="61">
        <v>531</v>
      </c>
      <c r="H64" s="61">
        <v>10</v>
      </c>
      <c r="I64" s="61">
        <v>13</v>
      </c>
      <c r="J64" s="61">
        <v>699</v>
      </c>
      <c r="K64" s="61">
        <v>3</v>
      </c>
      <c r="L64" s="61">
        <v>4</v>
      </c>
      <c r="M64" s="61">
        <v>173</v>
      </c>
      <c r="N64" s="61">
        <v>35</v>
      </c>
      <c r="O64" s="61">
        <v>112</v>
      </c>
      <c r="P64" s="58">
        <v>438</v>
      </c>
      <c r="Q64" s="38"/>
    </row>
    <row r="65" spans="1:17" ht="18" customHeight="1" thickBot="1" x14ac:dyDescent="0.25">
      <c r="A65" s="47" t="s">
        <v>65</v>
      </c>
      <c r="B65" s="77">
        <v>32</v>
      </c>
      <c r="C65" s="78">
        <v>2</v>
      </c>
      <c r="D65" s="78">
        <v>0</v>
      </c>
      <c r="E65" s="78">
        <v>3</v>
      </c>
      <c r="F65" s="78">
        <v>7</v>
      </c>
      <c r="G65" s="78">
        <v>4</v>
      </c>
      <c r="H65" s="78">
        <v>0</v>
      </c>
      <c r="I65" s="78">
        <v>0</v>
      </c>
      <c r="J65" s="78">
        <v>0</v>
      </c>
      <c r="K65" s="78">
        <v>1</v>
      </c>
      <c r="L65" s="78">
        <v>14</v>
      </c>
      <c r="M65" s="78">
        <v>0</v>
      </c>
      <c r="N65" s="78">
        <v>0</v>
      </c>
      <c r="O65" s="78">
        <v>0</v>
      </c>
      <c r="P65" s="79">
        <v>1</v>
      </c>
      <c r="Q65" s="38"/>
    </row>
    <row r="66" spans="1:17" x14ac:dyDescent="0.2">
      <c r="A66" s="51" t="s">
        <v>66</v>
      </c>
      <c r="B66" s="51"/>
      <c r="C66" s="51"/>
      <c r="D66" s="51"/>
      <c r="E66" s="51"/>
      <c r="F66" s="51"/>
      <c r="G66" s="51"/>
      <c r="H66" s="51"/>
      <c r="I66" s="51"/>
      <c r="J66" s="51"/>
      <c r="K66" s="51"/>
      <c r="L66" s="51"/>
      <c r="M66" s="51"/>
      <c r="N66" s="51"/>
      <c r="O66" s="51"/>
      <c r="P66" s="51"/>
    </row>
    <row r="67" spans="1:17" x14ac:dyDescent="0.2">
      <c r="A67" s="48" t="s">
        <v>67</v>
      </c>
    </row>
  </sheetData>
  <mergeCells count="2">
    <mergeCell ref="A1:P1"/>
    <mergeCell ref="A66:P66"/>
  </mergeCells>
  <phoneticPr fontId="2"/>
  <printOptions horizontalCentered="1" verticalCentered="1"/>
  <pageMargins left="0.23622047244094491" right="0.23622047244094491" top="0.74803149606299213" bottom="0.74803149606299213" header="0.31496062992125984" footer="0.31496062992125984"/>
  <pageSetup paperSize="9" scale="67"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O61"/>
  <sheetViews>
    <sheetView view="pageLayout" topLeftCell="B16" zoomScaleNormal="100" zoomScaleSheetLayoutView="100" workbookViewId="0">
      <selection activeCell="B20" sqref="B20"/>
    </sheetView>
  </sheetViews>
  <sheetFormatPr defaultColWidth="8.25" defaultRowHeight="14" x14ac:dyDescent="0.2"/>
  <cols>
    <col min="1" max="1" width="4.08203125" style="7" hidden="1" customWidth="1"/>
    <col min="2" max="2" width="14.33203125" style="7" customWidth="1"/>
    <col min="3" max="3" width="8.83203125" style="7" customWidth="1"/>
    <col min="4" max="4" width="5.9140625" style="25" hidden="1" customWidth="1"/>
    <col min="5" max="5" width="14.33203125" style="7" customWidth="1"/>
    <col min="6" max="6" width="8.83203125" style="7" customWidth="1"/>
    <col min="7" max="7" width="5.9140625" style="25" hidden="1" customWidth="1"/>
    <col min="8" max="8" width="14.33203125" style="7" customWidth="1"/>
    <col min="9" max="9" width="8.83203125" style="7" customWidth="1"/>
    <col min="10" max="10" width="4.08203125" style="25" hidden="1" customWidth="1"/>
    <col min="11" max="11" width="14.33203125" style="7" customWidth="1"/>
    <col min="12" max="12" width="8.83203125" style="7" customWidth="1"/>
    <col min="13" max="13" width="4.08203125" style="25" hidden="1" customWidth="1"/>
    <col min="14" max="14" width="18.33203125" style="7" customWidth="1"/>
    <col min="15" max="15" width="8.83203125" style="7" customWidth="1"/>
    <col min="16" max="16384" width="8.25" style="7"/>
  </cols>
  <sheetData>
    <row r="1" spans="1:15" ht="22" customHeight="1" thickBot="1" x14ac:dyDescent="0.35">
      <c r="A1" s="1"/>
      <c r="B1" s="2" t="s">
        <v>69</v>
      </c>
      <c r="C1" s="3">
        <v>228275</v>
      </c>
      <c r="D1" s="4">
        <v>133</v>
      </c>
      <c r="E1" s="5" t="s">
        <v>72</v>
      </c>
      <c r="F1" s="6">
        <v>5</v>
      </c>
      <c r="G1" s="4">
        <v>187</v>
      </c>
      <c r="H1" s="5" t="s">
        <v>73</v>
      </c>
      <c r="I1" s="6">
        <v>205</v>
      </c>
      <c r="J1" s="4">
        <v>112</v>
      </c>
      <c r="K1" s="5" t="s">
        <v>74</v>
      </c>
      <c r="L1" s="6">
        <v>0</v>
      </c>
      <c r="M1" s="4">
        <v>114</v>
      </c>
      <c r="N1" s="5" t="s">
        <v>233</v>
      </c>
      <c r="O1" s="6">
        <v>307</v>
      </c>
    </row>
    <row r="2" spans="1:15" ht="22" customHeight="1" thickBot="1" x14ac:dyDescent="0.25">
      <c r="A2" s="8"/>
      <c r="B2" s="9" t="s">
        <v>75</v>
      </c>
      <c r="C2" s="10">
        <v>192317</v>
      </c>
      <c r="D2" s="8"/>
      <c r="E2" s="9" t="s">
        <v>76</v>
      </c>
      <c r="F2" s="10">
        <v>7912</v>
      </c>
      <c r="G2" s="8">
        <v>189</v>
      </c>
      <c r="H2" s="11" t="s">
        <v>77</v>
      </c>
      <c r="I2" s="12">
        <v>303</v>
      </c>
      <c r="J2" s="8">
        <v>118</v>
      </c>
      <c r="K2" s="11" t="s">
        <v>78</v>
      </c>
      <c r="L2" s="12">
        <v>78</v>
      </c>
      <c r="M2" s="8">
        <v>126</v>
      </c>
      <c r="N2" s="11" t="s">
        <v>234</v>
      </c>
      <c r="O2" s="12">
        <v>13</v>
      </c>
    </row>
    <row r="3" spans="1:15" ht="22" customHeight="1" x14ac:dyDescent="0.2">
      <c r="A3" s="13">
        <v>1</v>
      </c>
      <c r="B3" s="11" t="s">
        <v>79</v>
      </c>
      <c r="C3" s="12">
        <v>43</v>
      </c>
      <c r="D3" s="8">
        <v>2</v>
      </c>
      <c r="E3" s="11" t="s">
        <v>80</v>
      </c>
      <c r="F3" s="12">
        <v>6</v>
      </c>
      <c r="G3" s="8">
        <v>7</v>
      </c>
      <c r="H3" s="11" t="s">
        <v>81</v>
      </c>
      <c r="I3" s="12">
        <v>2</v>
      </c>
      <c r="J3" s="8">
        <v>106</v>
      </c>
      <c r="K3" s="11" t="s">
        <v>82</v>
      </c>
      <c r="L3" s="12">
        <v>9</v>
      </c>
      <c r="M3" s="8">
        <v>134</v>
      </c>
      <c r="N3" s="11" t="s">
        <v>235</v>
      </c>
      <c r="O3" s="12">
        <v>4</v>
      </c>
    </row>
    <row r="4" spans="1:15" ht="22" customHeight="1" x14ac:dyDescent="0.2">
      <c r="A4" s="13">
        <v>184</v>
      </c>
      <c r="B4" s="11" t="s">
        <v>83</v>
      </c>
      <c r="C4" s="12">
        <v>33</v>
      </c>
      <c r="D4" s="8">
        <v>9</v>
      </c>
      <c r="E4" s="11" t="s">
        <v>84</v>
      </c>
      <c r="F4" s="12">
        <v>83</v>
      </c>
      <c r="G4" s="8">
        <v>10</v>
      </c>
      <c r="H4" s="11" t="s">
        <v>85</v>
      </c>
      <c r="I4" s="12">
        <v>16</v>
      </c>
      <c r="J4" s="14">
        <v>113</v>
      </c>
      <c r="K4" s="15" t="s">
        <v>86</v>
      </c>
      <c r="L4" s="12">
        <v>12</v>
      </c>
      <c r="M4" s="14">
        <v>148</v>
      </c>
      <c r="N4" s="15" t="s">
        <v>236</v>
      </c>
      <c r="O4" s="12">
        <v>0</v>
      </c>
    </row>
    <row r="5" spans="1:15" ht="22" customHeight="1" x14ac:dyDescent="0.2">
      <c r="A5" s="13">
        <v>183</v>
      </c>
      <c r="B5" s="11" t="s">
        <v>87</v>
      </c>
      <c r="C5" s="12">
        <v>1286</v>
      </c>
      <c r="D5" s="8">
        <v>17</v>
      </c>
      <c r="E5" s="11" t="s">
        <v>88</v>
      </c>
      <c r="F5" s="12">
        <v>75</v>
      </c>
      <c r="G5" s="8">
        <v>11</v>
      </c>
      <c r="H5" s="11" t="s">
        <v>89</v>
      </c>
      <c r="I5" s="12">
        <v>1</v>
      </c>
      <c r="J5" s="8">
        <v>120</v>
      </c>
      <c r="K5" s="11" t="s">
        <v>90</v>
      </c>
      <c r="L5" s="12">
        <v>14</v>
      </c>
      <c r="M5" s="8">
        <v>165</v>
      </c>
      <c r="N5" s="11" t="s">
        <v>237</v>
      </c>
      <c r="O5" s="12">
        <v>1</v>
      </c>
    </row>
    <row r="6" spans="1:15" ht="22" customHeight="1" x14ac:dyDescent="0.2">
      <c r="A6" s="13">
        <v>13</v>
      </c>
      <c r="B6" s="11" t="s">
        <v>91</v>
      </c>
      <c r="C6" s="12">
        <v>1</v>
      </c>
      <c r="D6" s="8">
        <v>26</v>
      </c>
      <c r="E6" s="11" t="s">
        <v>92</v>
      </c>
      <c r="F6" s="12">
        <v>43</v>
      </c>
      <c r="G6" s="8">
        <v>64</v>
      </c>
      <c r="H6" s="11" t="s">
        <v>93</v>
      </c>
      <c r="I6" s="12">
        <v>1</v>
      </c>
      <c r="J6" s="8">
        <v>127</v>
      </c>
      <c r="K6" s="11" t="s">
        <v>94</v>
      </c>
      <c r="L6" s="12">
        <v>0</v>
      </c>
      <c r="M6" s="8">
        <v>164</v>
      </c>
      <c r="N6" s="11" t="s">
        <v>238</v>
      </c>
      <c r="O6" s="12">
        <v>0</v>
      </c>
    </row>
    <row r="7" spans="1:15" ht="22" customHeight="1" x14ac:dyDescent="0.2">
      <c r="A7" s="13">
        <v>20</v>
      </c>
      <c r="B7" s="11" t="s">
        <v>95</v>
      </c>
      <c r="C7" s="12">
        <v>23</v>
      </c>
      <c r="D7" s="8">
        <v>16</v>
      </c>
      <c r="E7" s="11" t="s">
        <v>96</v>
      </c>
      <c r="F7" s="12">
        <v>40</v>
      </c>
      <c r="G7" s="8">
        <v>157</v>
      </c>
      <c r="H7" s="11" t="s">
        <v>97</v>
      </c>
      <c r="I7" s="12">
        <v>8</v>
      </c>
      <c r="J7" s="8">
        <v>128</v>
      </c>
      <c r="K7" s="11" t="s">
        <v>98</v>
      </c>
      <c r="L7" s="12">
        <v>477</v>
      </c>
      <c r="M7" s="8">
        <v>177</v>
      </c>
      <c r="N7" s="11" t="s">
        <v>239</v>
      </c>
      <c r="O7" s="12">
        <v>12</v>
      </c>
    </row>
    <row r="8" spans="1:15" ht="22" customHeight="1" x14ac:dyDescent="0.2">
      <c r="A8" s="13">
        <v>14</v>
      </c>
      <c r="B8" s="11" t="s">
        <v>99</v>
      </c>
      <c r="C8" s="12">
        <v>1255</v>
      </c>
      <c r="D8" s="8">
        <v>43</v>
      </c>
      <c r="E8" s="11" t="s">
        <v>100</v>
      </c>
      <c r="F8" s="12">
        <v>19</v>
      </c>
      <c r="G8" s="8">
        <v>156</v>
      </c>
      <c r="H8" s="11" t="s">
        <v>101</v>
      </c>
      <c r="I8" s="12">
        <v>21</v>
      </c>
      <c r="J8" s="8">
        <v>121</v>
      </c>
      <c r="K8" s="11" t="s">
        <v>102</v>
      </c>
      <c r="L8" s="12">
        <v>1</v>
      </c>
      <c r="M8" s="8">
        <v>186</v>
      </c>
      <c r="N8" s="11" t="s">
        <v>240</v>
      </c>
      <c r="O8" s="12">
        <v>5777</v>
      </c>
    </row>
    <row r="9" spans="1:15" ht="22" customHeight="1" x14ac:dyDescent="0.2">
      <c r="A9" s="13">
        <v>25</v>
      </c>
      <c r="B9" s="11" t="s">
        <v>103</v>
      </c>
      <c r="C9" s="12">
        <v>0</v>
      </c>
      <c r="D9" s="8">
        <v>46</v>
      </c>
      <c r="E9" s="11" t="s">
        <v>104</v>
      </c>
      <c r="F9" s="12">
        <v>45</v>
      </c>
      <c r="G9" s="8">
        <v>22</v>
      </c>
      <c r="H9" s="11" t="s">
        <v>105</v>
      </c>
      <c r="I9" s="12">
        <v>12</v>
      </c>
      <c r="J9" s="8">
        <v>144</v>
      </c>
      <c r="K9" s="11" t="s">
        <v>106</v>
      </c>
      <c r="L9" s="12">
        <v>8</v>
      </c>
      <c r="M9" s="8">
        <v>68</v>
      </c>
      <c r="N9" s="11" t="s">
        <v>241</v>
      </c>
      <c r="O9" s="12">
        <v>1</v>
      </c>
    </row>
    <row r="10" spans="1:15" ht="22" customHeight="1" thickBot="1" x14ac:dyDescent="0.25">
      <c r="A10" s="13">
        <v>29</v>
      </c>
      <c r="B10" s="11" t="s">
        <v>107</v>
      </c>
      <c r="C10" s="12">
        <v>2235</v>
      </c>
      <c r="D10" s="8">
        <v>47</v>
      </c>
      <c r="E10" s="11" t="s">
        <v>108</v>
      </c>
      <c r="F10" s="12">
        <v>41</v>
      </c>
      <c r="G10" s="8">
        <v>152</v>
      </c>
      <c r="H10" s="11" t="s">
        <v>109</v>
      </c>
      <c r="I10" s="12">
        <v>1</v>
      </c>
      <c r="J10" s="8">
        <v>150</v>
      </c>
      <c r="K10" s="11" t="s">
        <v>110</v>
      </c>
      <c r="L10" s="12">
        <v>139</v>
      </c>
      <c r="M10" s="8">
        <v>5</v>
      </c>
      <c r="N10" s="11" t="s">
        <v>242</v>
      </c>
      <c r="O10" s="12">
        <v>2</v>
      </c>
    </row>
    <row r="11" spans="1:15" ht="22" customHeight="1" thickBot="1" x14ac:dyDescent="0.25">
      <c r="A11" s="13">
        <v>163</v>
      </c>
      <c r="B11" s="11" t="s">
        <v>111</v>
      </c>
      <c r="C11" s="12">
        <v>3644</v>
      </c>
      <c r="D11" s="8">
        <v>55</v>
      </c>
      <c r="E11" s="11" t="s">
        <v>112</v>
      </c>
      <c r="F11" s="12">
        <v>16</v>
      </c>
      <c r="G11" s="8">
        <v>119</v>
      </c>
      <c r="H11" s="11" t="s">
        <v>113</v>
      </c>
      <c r="I11" s="12">
        <v>0</v>
      </c>
      <c r="J11" s="8">
        <v>154</v>
      </c>
      <c r="K11" s="11" t="s">
        <v>114</v>
      </c>
      <c r="L11" s="12">
        <v>2</v>
      </c>
      <c r="M11" s="8"/>
      <c r="N11" s="9" t="s">
        <v>243</v>
      </c>
      <c r="O11" s="10">
        <v>17291</v>
      </c>
    </row>
    <row r="12" spans="1:15" ht="22" customHeight="1" x14ac:dyDescent="0.2">
      <c r="A12" s="13">
        <v>36</v>
      </c>
      <c r="B12" s="11" t="s">
        <v>115</v>
      </c>
      <c r="C12" s="12">
        <v>73136</v>
      </c>
      <c r="D12" s="8">
        <v>60</v>
      </c>
      <c r="E12" s="11" t="s">
        <v>116</v>
      </c>
      <c r="F12" s="12">
        <v>56</v>
      </c>
      <c r="G12" s="8">
        <v>151</v>
      </c>
      <c r="H12" s="11" t="s">
        <v>117</v>
      </c>
      <c r="I12" s="12">
        <v>20</v>
      </c>
      <c r="J12" s="8">
        <v>159</v>
      </c>
      <c r="K12" s="11" t="s">
        <v>118</v>
      </c>
      <c r="L12" s="12">
        <v>1</v>
      </c>
      <c r="M12" s="8">
        <v>6</v>
      </c>
      <c r="N12" s="11" t="s">
        <v>244</v>
      </c>
      <c r="O12" s="12">
        <v>688</v>
      </c>
    </row>
    <row r="13" spans="1:15" ht="22" customHeight="1" thickBot="1" x14ac:dyDescent="0.25">
      <c r="A13" s="13">
        <v>37</v>
      </c>
      <c r="B13" s="11" t="s">
        <v>119</v>
      </c>
      <c r="C13" s="12">
        <v>5626</v>
      </c>
      <c r="D13" s="8">
        <v>61</v>
      </c>
      <c r="E13" s="11" t="s">
        <v>120</v>
      </c>
      <c r="F13" s="12">
        <v>1064</v>
      </c>
      <c r="G13" s="8">
        <v>92</v>
      </c>
      <c r="H13" s="11" t="s">
        <v>121</v>
      </c>
      <c r="I13" s="12">
        <v>0</v>
      </c>
      <c r="J13" s="8">
        <v>166</v>
      </c>
      <c r="K13" s="11" t="s">
        <v>122</v>
      </c>
      <c r="L13" s="12">
        <v>14</v>
      </c>
      <c r="M13" s="8">
        <v>21</v>
      </c>
      <c r="N13" s="11" t="s">
        <v>245</v>
      </c>
      <c r="O13" s="12">
        <v>741</v>
      </c>
    </row>
    <row r="14" spans="1:15" ht="22" customHeight="1" thickBot="1" x14ac:dyDescent="0.25">
      <c r="A14" s="13">
        <v>45</v>
      </c>
      <c r="B14" s="11" t="s">
        <v>123</v>
      </c>
      <c r="C14" s="12">
        <v>2</v>
      </c>
      <c r="D14" s="8">
        <v>65</v>
      </c>
      <c r="E14" s="11" t="s">
        <v>124</v>
      </c>
      <c r="F14" s="12">
        <v>1241</v>
      </c>
      <c r="G14" s="8"/>
      <c r="H14" s="9" t="s">
        <v>125</v>
      </c>
      <c r="I14" s="10">
        <v>1986</v>
      </c>
      <c r="J14" s="8">
        <v>56</v>
      </c>
      <c r="K14" s="11" t="s">
        <v>126</v>
      </c>
      <c r="L14" s="12">
        <v>0</v>
      </c>
      <c r="M14" s="8">
        <v>24</v>
      </c>
      <c r="N14" s="11" t="s">
        <v>246</v>
      </c>
      <c r="O14" s="12">
        <v>8866</v>
      </c>
    </row>
    <row r="15" spans="1:15" ht="22" customHeight="1" x14ac:dyDescent="0.2">
      <c r="A15" s="13">
        <v>174</v>
      </c>
      <c r="B15" s="11" t="s">
        <v>127</v>
      </c>
      <c r="C15" s="12">
        <v>9</v>
      </c>
      <c r="D15" s="8">
        <v>67</v>
      </c>
      <c r="E15" s="11" t="s">
        <v>128</v>
      </c>
      <c r="F15" s="12">
        <v>35</v>
      </c>
      <c r="G15" s="8">
        <v>3</v>
      </c>
      <c r="H15" s="11" t="s">
        <v>129</v>
      </c>
      <c r="I15" s="12">
        <v>24</v>
      </c>
      <c r="J15" s="8">
        <v>147</v>
      </c>
      <c r="K15" s="11" t="s">
        <v>130</v>
      </c>
      <c r="L15" s="12">
        <v>0</v>
      </c>
      <c r="M15" s="8">
        <v>35</v>
      </c>
      <c r="N15" s="11" t="s">
        <v>247</v>
      </c>
      <c r="O15" s="12">
        <v>62</v>
      </c>
    </row>
    <row r="16" spans="1:15" ht="22" customHeight="1" x14ac:dyDescent="0.2">
      <c r="A16" s="13">
        <v>77</v>
      </c>
      <c r="B16" s="11" t="s">
        <v>131</v>
      </c>
      <c r="C16" s="12">
        <v>6298</v>
      </c>
      <c r="D16" s="8">
        <v>75</v>
      </c>
      <c r="E16" s="11" t="s">
        <v>132</v>
      </c>
      <c r="F16" s="12">
        <v>86</v>
      </c>
      <c r="G16" s="8">
        <v>28</v>
      </c>
      <c r="H16" s="11" t="s">
        <v>133</v>
      </c>
      <c r="I16" s="12">
        <v>1</v>
      </c>
      <c r="J16" s="8">
        <v>153</v>
      </c>
      <c r="K16" s="11" t="s">
        <v>134</v>
      </c>
      <c r="L16" s="12">
        <v>0</v>
      </c>
      <c r="M16" s="8">
        <v>38</v>
      </c>
      <c r="N16" s="11" t="s">
        <v>248</v>
      </c>
      <c r="O16" s="12">
        <v>330</v>
      </c>
    </row>
    <row r="17" spans="1:15" ht="22" customHeight="1" x14ac:dyDescent="0.2">
      <c r="A17" s="13">
        <v>78</v>
      </c>
      <c r="B17" s="11" t="s">
        <v>135</v>
      </c>
      <c r="C17" s="12">
        <v>3806</v>
      </c>
      <c r="D17" s="8">
        <v>76</v>
      </c>
      <c r="E17" s="11" t="s">
        <v>136</v>
      </c>
      <c r="F17" s="12">
        <v>3</v>
      </c>
      <c r="G17" s="8">
        <v>23</v>
      </c>
      <c r="H17" s="11" t="s">
        <v>137</v>
      </c>
      <c r="I17" s="12">
        <v>4</v>
      </c>
      <c r="J17" s="8">
        <v>172</v>
      </c>
      <c r="K17" s="11" t="s">
        <v>138</v>
      </c>
      <c r="L17" s="12">
        <v>126</v>
      </c>
      <c r="M17" s="8">
        <v>51</v>
      </c>
      <c r="N17" s="11" t="s">
        <v>249</v>
      </c>
      <c r="O17" s="12">
        <v>44</v>
      </c>
    </row>
    <row r="18" spans="1:15" ht="22" customHeight="1" x14ac:dyDescent="0.2">
      <c r="A18" s="13">
        <v>79</v>
      </c>
      <c r="B18" s="11" t="s">
        <v>139</v>
      </c>
      <c r="C18" s="12">
        <v>537</v>
      </c>
      <c r="D18" s="8">
        <v>81</v>
      </c>
      <c r="E18" s="11" t="s">
        <v>140</v>
      </c>
      <c r="F18" s="12">
        <v>92</v>
      </c>
      <c r="G18" s="8">
        <v>30</v>
      </c>
      <c r="H18" s="11" t="s">
        <v>141</v>
      </c>
      <c r="I18" s="12">
        <v>46</v>
      </c>
      <c r="J18" s="8">
        <v>175</v>
      </c>
      <c r="K18" s="11" t="s">
        <v>142</v>
      </c>
      <c r="L18" s="12">
        <v>8</v>
      </c>
      <c r="M18" s="8">
        <v>72</v>
      </c>
      <c r="N18" s="11" t="s">
        <v>250</v>
      </c>
      <c r="O18" s="12">
        <v>3</v>
      </c>
    </row>
    <row r="19" spans="1:15" ht="22" customHeight="1" x14ac:dyDescent="0.2">
      <c r="A19" s="13">
        <v>80</v>
      </c>
      <c r="B19" s="11" t="s">
        <v>143</v>
      </c>
      <c r="C19" s="12">
        <v>7</v>
      </c>
      <c r="D19" s="8">
        <v>83</v>
      </c>
      <c r="E19" s="11" t="s">
        <v>144</v>
      </c>
      <c r="F19" s="12">
        <v>407</v>
      </c>
      <c r="G19" s="8">
        <v>33</v>
      </c>
      <c r="H19" s="11" t="s">
        <v>145</v>
      </c>
      <c r="I19" s="12">
        <v>5</v>
      </c>
      <c r="J19" s="8">
        <v>178</v>
      </c>
      <c r="K19" s="11" t="s">
        <v>146</v>
      </c>
      <c r="L19" s="12">
        <v>71</v>
      </c>
      <c r="M19" s="8">
        <v>136</v>
      </c>
      <c r="N19" s="11" t="s">
        <v>251</v>
      </c>
      <c r="O19" s="12">
        <v>281</v>
      </c>
    </row>
    <row r="20" spans="1:15" ht="22" customHeight="1" x14ac:dyDescent="0.2">
      <c r="A20" s="13">
        <v>82</v>
      </c>
      <c r="B20" s="11" t="s">
        <v>147</v>
      </c>
      <c r="C20" s="12">
        <v>35</v>
      </c>
      <c r="D20" s="8">
        <v>94</v>
      </c>
      <c r="E20" s="11" t="s">
        <v>148</v>
      </c>
      <c r="F20" s="12">
        <v>28</v>
      </c>
      <c r="G20" s="8">
        <v>34</v>
      </c>
      <c r="H20" s="11" t="s">
        <v>149</v>
      </c>
      <c r="I20" s="12">
        <v>0</v>
      </c>
      <c r="J20" s="8">
        <v>182</v>
      </c>
      <c r="K20" s="11" t="s">
        <v>150</v>
      </c>
      <c r="L20" s="12">
        <v>36</v>
      </c>
      <c r="M20" s="8">
        <v>137</v>
      </c>
      <c r="N20" s="11" t="s">
        <v>252</v>
      </c>
      <c r="O20" s="12">
        <v>6225</v>
      </c>
    </row>
    <row r="21" spans="1:15" ht="22" customHeight="1" x14ac:dyDescent="0.2">
      <c r="A21" s="13">
        <v>86</v>
      </c>
      <c r="B21" s="11" t="s">
        <v>151</v>
      </c>
      <c r="C21" s="12">
        <v>13</v>
      </c>
      <c r="D21" s="8">
        <v>87</v>
      </c>
      <c r="E21" s="11" t="s">
        <v>152</v>
      </c>
      <c r="F21" s="12">
        <v>60</v>
      </c>
      <c r="G21" s="8">
        <v>40</v>
      </c>
      <c r="H21" s="11" t="s">
        <v>153</v>
      </c>
      <c r="I21" s="12">
        <v>2</v>
      </c>
      <c r="J21" s="8">
        <v>160</v>
      </c>
      <c r="K21" s="11" t="s">
        <v>154</v>
      </c>
      <c r="L21" s="12">
        <v>85</v>
      </c>
      <c r="M21" s="8">
        <v>167</v>
      </c>
      <c r="N21" s="11" t="s">
        <v>253</v>
      </c>
      <c r="O21" s="12">
        <v>0</v>
      </c>
    </row>
    <row r="22" spans="1:15" ht="22" customHeight="1" x14ac:dyDescent="0.2">
      <c r="A22" s="13">
        <v>91</v>
      </c>
      <c r="B22" s="49" t="s">
        <v>70</v>
      </c>
      <c r="C22" s="12">
        <v>27964</v>
      </c>
      <c r="D22" s="8">
        <v>101</v>
      </c>
      <c r="E22" s="11" t="s">
        <v>155</v>
      </c>
      <c r="F22" s="12">
        <v>0</v>
      </c>
      <c r="G22" s="8">
        <v>41</v>
      </c>
      <c r="H22" s="11" t="s">
        <v>156</v>
      </c>
      <c r="I22" s="12">
        <v>52</v>
      </c>
      <c r="J22" s="8">
        <v>52</v>
      </c>
      <c r="K22" s="11" t="s">
        <v>157</v>
      </c>
      <c r="L22" s="12">
        <v>101</v>
      </c>
      <c r="M22" s="8">
        <v>188</v>
      </c>
      <c r="N22" s="11" t="s">
        <v>254</v>
      </c>
      <c r="O22" s="12">
        <v>8</v>
      </c>
    </row>
    <row r="23" spans="1:15" ht="22" customHeight="1" thickBot="1" x14ac:dyDescent="0.25">
      <c r="A23" s="13">
        <v>90</v>
      </c>
      <c r="B23" s="49" t="s">
        <v>71</v>
      </c>
      <c r="C23" s="12">
        <v>1530</v>
      </c>
      <c r="D23" s="8">
        <v>103</v>
      </c>
      <c r="E23" s="11" t="s">
        <v>158</v>
      </c>
      <c r="F23" s="12">
        <v>5</v>
      </c>
      <c r="G23" s="8">
        <v>32</v>
      </c>
      <c r="H23" s="11" t="s">
        <v>159</v>
      </c>
      <c r="I23" s="12">
        <v>1</v>
      </c>
      <c r="J23" s="8">
        <v>27</v>
      </c>
      <c r="K23" s="11" t="s">
        <v>160</v>
      </c>
      <c r="L23" s="12">
        <v>9</v>
      </c>
      <c r="M23" s="8">
        <v>191</v>
      </c>
      <c r="N23" s="11" t="s">
        <v>255</v>
      </c>
      <c r="O23" s="12">
        <v>43</v>
      </c>
    </row>
    <row r="24" spans="1:15" ht="22" customHeight="1" thickBot="1" x14ac:dyDescent="0.25">
      <c r="A24" s="13">
        <v>93</v>
      </c>
      <c r="B24" s="11" t="s">
        <v>161</v>
      </c>
      <c r="C24" s="12">
        <v>1</v>
      </c>
      <c r="D24" s="8">
        <v>96</v>
      </c>
      <c r="E24" s="11" t="s">
        <v>162</v>
      </c>
      <c r="F24" s="12">
        <v>9</v>
      </c>
      <c r="G24" s="8">
        <v>39</v>
      </c>
      <c r="H24" s="11" t="s">
        <v>163</v>
      </c>
      <c r="I24" s="12">
        <v>0</v>
      </c>
      <c r="J24" s="8">
        <v>194</v>
      </c>
      <c r="K24" s="11" t="s">
        <v>164</v>
      </c>
      <c r="L24" s="12">
        <v>10</v>
      </c>
      <c r="M24" s="8"/>
      <c r="N24" s="9" t="s">
        <v>256</v>
      </c>
      <c r="O24" s="10">
        <v>1055</v>
      </c>
    </row>
    <row r="25" spans="1:15" ht="22" customHeight="1" x14ac:dyDescent="0.2">
      <c r="A25" s="13">
        <v>95</v>
      </c>
      <c r="B25" s="11" t="s">
        <v>165</v>
      </c>
      <c r="C25" s="12">
        <v>1208</v>
      </c>
      <c r="D25" s="8">
        <v>102</v>
      </c>
      <c r="E25" s="11" t="s">
        <v>166</v>
      </c>
      <c r="F25" s="12">
        <v>29</v>
      </c>
      <c r="G25" s="8">
        <v>19</v>
      </c>
      <c r="H25" s="11" t="s">
        <v>167</v>
      </c>
      <c r="I25" s="12">
        <v>14</v>
      </c>
      <c r="J25" s="8">
        <v>195</v>
      </c>
      <c r="K25" s="11" t="s">
        <v>168</v>
      </c>
      <c r="L25" s="12">
        <v>19</v>
      </c>
      <c r="M25" s="8">
        <v>8</v>
      </c>
      <c r="N25" s="11" t="s">
        <v>257</v>
      </c>
      <c r="O25" s="12">
        <v>793</v>
      </c>
    </row>
    <row r="26" spans="1:15" ht="22" customHeight="1" x14ac:dyDescent="0.2">
      <c r="A26" s="13">
        <v>97</v>
      </c>
      <c r="B26" s="11" t="s">
        <v>169</v>
      </c>
      <c r="C26" s="12">
        <v>15</v>
      </c>
      <c r="D26" s="8">
        <v>110</v>
      </c>
      <c r="E26" s="11" t="s">
        <v>170</v>
      </c>
      <c r="F26" s="12">
        <v>2</v>
      </c>
      <c r="G26" s="8">
        <v>48</v>
      </c>
      <c r="H26" s="11" t="s">
        <v>171</v>
      </c>
      <c r="I26" s="12">
        <v>0</v>
      </c>
      <c r="J26" s="8">
        <v>4</v>
      </c>
      <c r="K26" s="11" t="s">
        <v>172</v>
      </c>
      <c r="L26" s="12">
        <v>8</v>
      </c>
      <c r="M26" s="8">
        <v>59</v>
      </c>
      <c r="N26" s="11" t="s">
        <v>258</v>
      </c>
      <c r="O26" s="12">
        <v>20</v>
      </c>
    </row>
    <row r="27" spans="1:15" ht="22" customHeight="1" thickBot="1" x14ac:dyDescent="0.25">
      <c r="A27" s="13">
        <v>107</v>
      </c>
      <c r="B27" s="11" t="s">
        <v>173</v>
      </c>
      <c r="C27" s="12">
        <v>1217</v>
      </c>
      <c r="D27" s="8">
        <v>116</v>
      </c>
      <c r="E27" s="11" t="s">
        <v>174</v>
      </c>
      <c r="F27" s="12">
        <v>22</v>
      </c>
      <c r="G27" s="8">
        <v>57</v>
      </c>
      <c r="H27" s="11" t="s">
        <v>175</v>
      </c>
      <c r="I27" s="12">
        <v>21</v>
      </c>
      <c r="J27" s="8">
        <v>161</v>
      </c>
      <c r="K27" s="11" t="s">
        <v>176</v>
      </c>
      <c r="L27" s="12">
        <v>6</v>
      </c>
      <c r="M27" s="8">
        <v>89</v>
      </c>
      <c r="N27" s="11" t="s">
        <v>259</v>
      </c>
      <c r="O27" s="12">
        <v>22</v>
      </c>
    </row>
    <row r="28" spans="1:15" ht="22" customHeight="1" thickBot="1" x14ac:dyDescent="0.25">
      <c r="A28" s="13">
        <v>117</v>
      </c>
      <c r="B28" s="11" t="s">
        <v>177</v>
      </c>
      <c r="C28" s="12">
        <v>1129</v>
      </c>
      <c r="D28" s="8">
        <v>104</v>
      </c>
      <c r="E28" s="11" t="s">
        <v>178</v>
      </c>
      <c r="F28" s="12">
        <v>1</v>
      </c>
      <c r="G28" s="8">
        <v>58</v>
      </c>
      <c r="H28" s="11" t="s">
        <v>179</v>
      </c>
      <c r="I28" s="12">
        <v>0</v>
      </c>
      <c r="J28" s="8"/>
      <c r="K28" s="9" t="s">
        <v>180</v>
      </c>
      <c r="L28" s="10">
        <v>7500</v>
      </c>
      <c r="M28" s="8">
        <v>111</v>
      </c>
      <c r="N28" s="11" t="s">
        <v>260</v>
      </c>
      <c r="O28" s="12">
        <v>0</v>
      </c>
    </row>
    <row r="29" spans="1:15" ht="22" customHeight="1" x14ac:dyDescent="0.2">
      <c r="A29" s="13">
        <v>130</v>
      </c>
      <c r="B29" s="11" t="s">
        <v>181</v>
      </c>
      <c r="C29" s="12">
        <v>5</v>
      </c>
      <c r="D29" s="8">
        <v>124</v>
      </c>
      <c r="E29" s="11" t="s">
        <v>182</v>
      </c>
      <c r="F29" s="12">
        <v>157</v>
      </c>
      <c r="G29" s="8">
        <v>54</v>
      </c>
      <c r="H29" s="11" t="s">
        <v>183</v>
      </c>
      <c r="I29" s="12">
        <v>5</v>
      </c>
      <c r="J29" s="8">
        <v>15</v>
      </c>
      <c r="K29" s="11" t="s">
        <v>184</v>
      </c>
      <c r="L29" s="12">
        <v>0</v>
      </c>
      <c r="M29" s="8">
        <v>115</v>
      </c>
      <c r="N29" s="11" t="s">
        <v>261</v>
      </c>
      <c r="O29" s="12">
        <v>9</v>
      </c>
    </row>
    <row r="30" spans="1:15" ht="22" customHeight="1" x14ac:dyDescent="0.2">
      <c r="A30" s="13">
        <v>108</v>
      </c>
      <c r="B30" s="11" t="s">
        <v>185</v>
      </c>
      <c r="C30" s="12">
        <v>1</v>
      </c>
      <c r="D30" s="8">
        <v>129</v>
      </c>
      <c r="E30" s="11" t="s">
        <v>186</v>
      </c>
      <c r="F30" s="12">
        <v>38</v>
      </c>
      <c r="G30" s="8">
        <v>62</v>
      </c>
      <c r="H30" s="11" t="s">
        <v>187</v>
      </c>
      <c r="I30" s="12">
        <v>1</v>
      </c>
      <c r="J30" s="8">
        <v>12</v>
      </c>
      <c r="K30" s="11" t="s">
        <v>188</v>
      </c>
      <c r="L30" s="12">
        <v>3</v>
      </c>
      <c r="M30" s="8">
        <v>125</v>
      </c>
      <c r="N30" s="11" t="s">
        <v>262</v>
      </c>
      <c r="O30" s="12">
        <v>193</v>
      </c>
    </row>
    <row r="31" spans="1:15" ht="22" customHeight="1" x14ac:dyDescent="0.2">
      <c r="A31" s="13">
        <v>123</v>
      </c>
      <c r="B31" s="11" t="s">
        <v>189</v>
      </c>
      <c r="C31" s="12">
        <v>7344</v>
      </c>
      <c r="D31" s="8">
        <v>139</v>
      </c>
      <c r="E31" s="11" t="s">
        <v>190</v>
      </c>
      <c r="F31" s="12">
        <v>151</v>
      </c>
      <c r="G31" s="8">
        <v>66</v>
      </c>
      <c r="H31" s="11" t="s">
        <v>191</v>
      </c>
      <c r="I31" s="12">
        <v>366</v>
      </c>
      <c r="J31" s="8">
        <v>18</v>
      </c>
      <c r="K31" s="11" t="s">
        <v>192</v>
      </c>
      <c r="L31" s="12">
        <v>1</v>
      </c>
      <c r="M31" s="8">
        <v>122</v>
      </c>
      <c r="N31" s="11" t="s">
        <v>263</v>
      </c>
      <c r="O31" s="12">
        <v>0</v>
      </c>
    </row>
    <row r="32" spans="1:15" ht="22" customHeight="1" x14ac:dyDescent="0.2">
      <c r="A32" s="13">
        <v>131</v>
      </c>
      <c r="B32" s="11" t="s">
        <v>193</v>
      </c>
      <c r="C32" s="12">
        <v>1279</v>
      </c>
      <c r="D32" s="8">
        <v>140</v>
      </c>
      <c r="E32" s="11" t="s">
        <v>194</v>
      </c>
      <c r="F32" s="12">
        <v>46</v>
      </c>
      <c r="G32" s="8">
        <v>70</v>
      </c>
      <c r="H32" s="11" t="s">
        <v>195</v>
      </c>
      <c r="I32" s="12">
        <v>37</v>
      </c>
      <c r="J32" s="8">
        <v>31</v>
      </c>
      <c r="K32" s="11" t="s">
        <v>196</v>
      </c>
      <c r="L32" s="12">
        <v>951</v>
      </c>
      <c r="M32" s="8">
        <v>135</v>
      </c>
      <c r="N32" s="11" t="s">
        <v>264</v>
      </c>
      <c r="O32" s="12">
        <v>3</v>
      </c>
    </row>
    <row r="33" spans="1:15" ht="22" customHeight="1" x14ac:dyDescent="0.2">
      <c r="A33" s="13">
        <v>138</v>
      </c>
      <c r="B33" s="11" t="s">
        <v>197</v>
      </c>
      <c r="C33" s="12">
        <v>23076</v>
      </c>
      <c r="D33" s="8">
        <v>142</v>
      </c>
      <c r="E33" s="11" t="s">
        <v>198</v>
      </c>
      <c r="F33" s="12">
        <v>230</v>
      </c>
      <c r="G33" s="8">
        <v>63</v>
      </c>
      <c r="H33" s="11" t="s">
        <v>199</v>
      </c>
      <c r="I33" s="12">
        <v>6</v>
      </c>
      <c r="J33" s="8">
        <v>42</v>
      </c>
      <c r="K33" s="11" t="s">
        <v>200</v>
      </c>
      <c r="L33" s="12">
        <v>34</v>
      </c>
      <c r="M33" s="8">
        <v>132</v>
      </c>
      <c r="N33" s="11" t="s">
        <v>265</v>
      </c>
      <c r="O33" s="12">
        <v>5</v>
      </c>
    </row>
    <row r="34" spans="1:15" ht="22" customHeight="1" x14ac:dyDescent="0.2">
      <c r="A34" s="13">
        <v>141</v>
      </c>
      <c r="B34" s="11" t="s">
        <v>201</v>
      </c>
      <c r="C34" s="12">
        <v>20</v>
      </c>
      <c r="D34" s="8">
        <v>143</v>
      </c>
      <c r="E34" s="11" t="s">
        <v>202</v>
      </c>
      <c r="F34" s="12">
        <v>868</v>
      </c>
      <c r="G34" s="8">
        <v>71</v>
      </c>
      <c r="H34" s="11" t="s">
        <v>203</v>
      </c>
      <c r="I34" s="12">
        <v>0</v>
      </c>
      <c r="J34" s="8">
        <v>44</v>
      </c>
      <c r="K34" s="11" t="s">
        <v>204</v>
      </c>
      <c r="L34" s="12">
        <v>22</v>
      </c>
      <c r="M34" s="8">
        <v>158</v>
      </c>
      <c r="N34" s="11" t="s">
        <v>266</v>
      </c>
      <c r="O34" s="12">
        <v>3</v>
      </c>
    </row>
    <row r="35" spans="1:15" ht="22" customHeight="1" x14ac:dyDescent="0.2">
      <c r="A35" s="13">
        <v>149</v>
      </c>
      <c r="B35" s="11" t="s">
        <v>205</v>
      </c>
      <c r="C35" s="12">
        <v>112</v>
      </c>
      <c r="D35" s="8">
        <v>146</v>
      </c>
      <c r="E35" s="11" t="s">
        <v>206</v>
      </c>
      <c r="F35" s="12">
        <v>1</v>
      </c>
      <c r="G35" s="8">
        <v>84</v>
      </c>
      <c r="H35" s="11" t="s">
        <v>207</v>
      </c>
      <c r="I35" s="12">
        <v>34</v>
      </c>
      <c r="J35" s="8">
        <v>50</v>
      </c>
      <c r="K35" s="11" t="s">
        <v>208</v>
      </c>
      <c r="L35" s="12">
        <v>193</v>
      </c>
      <c r="M35" s="8">
        <v>176</v>
      </c>
      <c r="N35" s="11" t="s">
        <v>267</v>
      </c>
      <c r="O35" s="12">
        <v>3</v>
      </c>
    </row>
    <row r="36" spans="1:15" ht="22" customHeight="1" x14ac:dyDescent="0.2">
      <c r="A36" s="13">
        <v>170</v>
      </c>
      <c r="B36" s="11" t="s">
        <v>209</v>
      </c>
      <c r="C36" s="12">
        <v>43</v>
      </c>
      <c r="D36" s="8">
        <v>162</v>
      </c>
      <c r="E36" s="11" t="s">
        <v>210</v>
      </c>
      <c r="F36" s="12">
        <v>317</v>
      </c>
      <c r="G36" s="8">
        <v>88</v>
      </c>
      <c r="H36" s="11" t="s">
        <v>211</v>
      </c>
      <c r="I36" s="12">
        <v>70</v>
      </c>
      <c r="J36" s="8">
        <v>49</v>
      </c>
      <c r="K36" s="11" t="s">
        <v>212</v>
      </c>
      <c r="L36" s="12">
        <v>2</v>
      </c>
      <c r="M36" s="8">
        <v>181</v>
      </c>
      <c r="N36" s="11" t="s">
        <v>268</v>
      </c>
      <c r="O36" s="12">
        <v>0</v>
      </c>
    </row>
    <row r="37" spans="1:15" ht="22" customHeight="1" x14ac:dyDescent="0.2">
      <c r="A37" s="13">
        <v>155</v>
      </c>
      <c r="B37" s="11" t="s">
        <v>213</v>
      </c>
      <c r="C37" s="12">
        <v>294</v>
      </c>
      <c r="D37" s="8">
        <v>168</v>
      </c>
      <c r="E37" s="11" t="s">
        <v>214</v>
      </c>
      <c r="F37" s="12">
        <v>160</v>
      </c>
      <c r="G37" s="8">
        <v>99</v>
      </c>
      <c r="H37" s="11" t="s">
        <v>215</v>
      </c>
      <c r="I37" s="12">
        <v>1</v>
      </c>
      <c r="J37" s="8">
        <v>53</v>
      </c>
      <c r="K37" s="11" t="s">
        <v>216</v>
      </c>
      <c r="L37" s="12">
        <v>22</v>
      </c>
      <c r="M37" s="8">
        <v>190</v>
      </c>
      <c r="N37" s="11" t="s">
        <v>269</v>
      </c>
      <c r="O37" s="12">
        <v>0</v>
      </c>
    </row>
    <row r="38" spans="1:15" ht="22" customHeight="1" thickBot="1" x14ac:dyDescent="0.25">
      <c r="A38" s="13">
        <v>173</v>
      </c>
      <c r="B38" s="11" t="s">
        <v>217</v>
      </c>
      <c r="C38" s="12">
        <v>4512</v>
      </c>
      <c r="D38" s="8">
        <v>169</v>
      </c>
      <c r="E38" s="11" t="s">
        <v>218</v>
      </c>
      <c r="F38" s="12">
        <v>128</v>
      </c>
      <c r="G38" s="8">
        <v>100</v>
      </c>
      <c r="H38" s="11" t="s">
        <v>219</v>
      </c>
      <c r="I38" s="12">
        <v>2</v>
      </c>
      <c r="J38" s="8">
        <v>69</v>
      </c>
      <c r="K38" s="11" t="s">
        <v>220</v>
      </c>
      <c r="L38" s="12">
        <v>15</v>
      </c>
      <c r="M38" s="8">
        <v>145</v>
      </c>
      <c r="N38" s="11" t="s">
        <v>270</v>
      </c>
      <c r="O38" s="12">
        <v>4</v>
      </c>
    </row>
    <row r="39" spans="1:15" ht="22" customHeight="1" thickBot="1" x14ac:dyDescent="0.25">
      <c r="A39" s="13">
        <v>179</v>
      </c>
      <c r="B39" s="11" t="s">
        <v>221</v>
      </c>
      <c r="C39" s="12">
        <v>285</v>
      </c>
      <c r="D39" s="8">
        <v>180</v>
      </c>
      <c r="E39" s="11" t="s">
        <v>222</v>
      </c>
      <c r="F39" s="12">
        <v>18</v>
      </c>
      <c r="G39" s="16">
        <v>98</v>
      </c>
      <c r="H39" s="11" t="s">
        <v>223</v>
      </c>
      <c r="I39" s="12">
        <v>2</v>
      </c>
      <c r="J39" s="16">
        <v>73</v>
      </c>
      <c r="K39" s="11" t="s">
        <v>224</v>
      </c>
      <c r="L39" s="12">
        <v>6</v>
      </c>
      <c r="M39" s="8"/>
      <c r="N39" s="9" t="s">
        <v>271</v>
      </c>
      <c r="O39" s="10">
        <v>214</v>
      </c>
    </row>
    <row r="40" spans="1:15" ht="22" customHeight="1" x14ac:dyDescent="0.2">
      <c r="A40" s="13">
        <v>192</v>
      </c>
      <c r="B40" s="11" t="s">
        <v>225</v>
      </c>
      <c r="C40" s="12">
        <v>24269</v>
      </c>
      <c r="D40" s="8">
        <v>171</v>
      </c>
      <c r="E40" s="11" t="s">
        <v>226</v>
      </c>
      <c r="F40" s="12">
        <v>15</v>
      </c>
      <c r="G40" s="16">
        <v>105</v>
      </c>
      <c r="H40" s="11" t="s">
        <v>227</v>
      </c>
      <c r="I40" s="12">
        <v>11</v>
      </c>
      <c r="J40" s="16">
        <v>74</v>
      </c>
      <c r="K40" s="11" t="s">
        <v>228</v>
      </c>
      <c r="L40" s="12">
        <v>11</v>
      </c>
      <c r="M40" s="8">
        <v>196</v>
      </c>
      <c r="N40" s="27"/>
      <c r="O40" s="28"/>
    </row>
    <row r="41" spans="1:15" ht="22" customHeight="1" thickBot="1" x14ac:dyDescent="0.25">
      <c r="A41" s="17">
        <v>193</v>
      </c>
      <c r="B41" s="18" t="s">
        <v>229</v>
      </c>
      <c r="C41" s="19">
        <v>19</v>
      </c>
      <c r="D41" s="20">
        <v>185</v>
      </c>
      <c r="E41" s="18" t="s">
        <v>230</v>
      </c>
      <c r="F41" s="19">
        <v>1685</v>
      </c>
      <c r="G41" s="20">
        <v>109</v>
      </c>
      <c r="H41" s="18" t="s">
        <v>231</v>
      </c>
      <c r="I41" s="21">
        <v>47</v>
      </c>
      <c r="J41" s="20">
        <v>85</v>
      </c>
      <c r="K41" s="18" t="s">
        <v>232</v>
      </c>
      <c r="L41" s="21">
        <v>123</v>
      </c>
      <c r="M41" s="8">
        <v>197</v>
      </c>
      <c r="N41" s="22"/>
      <c r="O41" s="32"/>
    </row>
    <row r="42" spans="1:15" s="22" customFormat="1" ht="13.5" customHeight="1" thickBot="1" x14ac:dyDescent="0.25">
      <c r="B42" s="23"/>
      <c r="C42" s="23"/>
      <c r="D42" s="24"/>
      <c r="E42" s="23"/>
      <c r="F42" s="23"/>
      <c r="G42" s="24"/>
      <c r="H42" s="7"/>
      <c r="I42" s="7"/>
      <c r="J42" s="25"/>
      <c r="K42" s="7"/>
      <c r="L42" s="7"/>
      <c r="M42" s="20">
        <v>198</v>
      </c>
      <c r="N42" s="30"/>
      <c r="O42" s="30"/>
    </row>
    <row r="43" spans="1:15" s="22" customFormat="1" x14ac:dyDescent="0.2">
      <c r="B43" s="26"/>
      <c r="C43" s="26"/>
      <c r="D43" s="26"/>
      <c r="E43" s="26"/>
      <c r="F43" s="26"/>
      <c r="G43" s="26"/>
      <c r="H43" s="23"/>
      <c r="I43" s="23"/>
      <c r="J43" s="24"/>
      <c r="K43" s="27"/>
      <c r="L43" s="28"/>
      <c r="M43" s="25"/>
      <c r="N43" s="30"/>
      <c r="O43" s="30"/>
    </row>
    <row r="44" spans="1:15" x14ac:dyDescent="0.2">
      <c r="B44" s="29" t="s">
        <v>0</v>
      </c>
      <c r="C44" s="30"/>
      <c r="D44" s="31"/>
      <c r="E44" s="30"/>
      <c r="F44" s="30"/>
      <c r="G44" s="31"/>
      <c r="H44" s="26"/>
      <c r="I44" s="26"/>
      <c r="J44" s="26"/>
      <c r="K44" s="26"/>
      <c r="L44" s="26"/>
      <c r="M44" s="28"/>
    </row>
    <row r="45" spans="1:15" x14ac:dyDescent="0.2">
      <c r="B45" s="29" t="s">
        <v>2</v>
      </c>
      <c r="C45" s="30"/>
      <c r="D45" s="31"/>
      <c r="E45" s="30"/>
      <c r="F45" s="30"/>
      <c r="G45" s="31"/>
      <c r="H45" s="30"/>
      <c r="I45" s="30"/>
      <c r="J45" s="31"/>
      <c r="K45" s="30"/>
      <c r="L45" s="30"/>
      <c r="M45" s="26"/>
    </row>
    <row r="46" spans="1:15" x14ac:dyDescent="0.2">
      <c r="H46" s="30"/>
      <c r="I46" s="30"/>
      <c r="J46" s="31"/>
      <c r="K46" s="52" t="s">
        <v>1</v>
      </c>
      <c r="L46" s="53"/>
      <c r="M46" s="53"/>
      <c r="N46" s="53"/>
      <c r="O46" s="53"/>
    </row>
    <row r="47" spans="1:15" x14ac:dyDescent="0.2">
      <c r="M47" s="31"/>
    </row>
    <row r="61" ht="14.25" customHeight="1" x14ac:dyDescent="0.2"/>
  </sheetData>
  <mergeCells count="1">
    <mergeCell ref="K46:O46"/>
  </mergeCells>
  <phoneticPr fontId="2"/>
  <printOptions horizontalCentered="1" verticalCentered="1"/>
  <pageMargins left="0.23622047244094491" right="0.23622047244094491" top="0.74803149606299213" bottom="0.74803149606299213" header="0.31496062992125984" footer="0.31496062992125984"/>
  <pageSetup paperSize="9" scale="76" orientation="portrait" r:id="rId1"/>
  <headerFooter>
    <oddHeader>&amp;C&amp;"+,太字"&amp;16県内国・地域別外国人数（2020（令和2年）１月１日現在）</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2020年１月１日top13 </vt:lpstr>
      <vt:lpstr>国籍・地域別集計</vt:lpstr>
      <vt:lpstr>'2020年１月１日top13 '!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0-03-02T01:09:04Z</cp:lastPrinted>
  <dcterms:created xsi:type="dcterms:W3CDTF">2020-03-02T01:05:48Z</dcterms:created>
  <dcterms:modified xsi:type="dcterms:W3CDTF">2020-03-23T00:56:28Z</dcterms:modified>
</cp:coreProperties>
</file>